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Default Extension="vml" ContentType="application/vnd.openxmlformats-officedocument.vmlDrawing"/>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trlProps/ctrlProp1.xml" ContentType="application/vnd.ms-excel.controlproperties+xml"/>
  <Override PartName="/xl/ctrlProps/ctrlProp2.xml" ContentType="application/vnd.ms-excel.controlproperties+xml"/>
  <Override PartName="/xl/ctrlProps/ctrlProp3.xml" ContentType="application/vnd.ms-excel.controlproperties+xml"/>
  <Override PartName="/xl/ctrlProps/ctrlProp4.xml" ContentType="application/vnd.ms-excel.controlpropertie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mc:AlternateContent xmlns:mc="http://schemas.openxmlformats.org/markup-compatibility/2006">
    <mc:Choice Requires="x15">
      <x15ac:absPath xmlns:x15ac="http://schemas.microsoft.com/office/spreadsheetml/2010/11/ac" url="\\s04\VO_DOC\01. Súťaže\2021\02. Oddelenie VO\01. Prebiehajúce\02. Danka\2. 200 2020_Osobné ochranné pracovné prostriedky_33 častí\2. Príprava\PTK op saly\"/>
    </mc:Choice>
  </mc:AlternateContent>
  <bookViews>
    <workbookView xWindow="0" yWindow="0" windowWidth="23040" windowHeight="9195"/>
  </bookViews>
  <sheets>
    <sheet name="Cenová ponuka" sheetId="8" r:id="rId1"/>
  </sheets>
  <definedNames>
    <definedName name="_xlnm.Print_Area" localSheetId="0">'Cenová ponuka'!$A$1:$E$207</definedName>
  </definedNames>
  <calcPr calcId="152511"/>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341" uniqueCount="228">
  <si>
    <t xml:space="preserve">Požadované minimálne technické vlastnosti, parametre a hodnoty predmetu zákazky
</t>
  </si>
  <si>
    <t>ks</t>
  </si>
  <si>
    <t>Položka č. 1</t>
  </si>
  <si>
    <t>Bežná dostupnosť</t>
  </si>
  <si>
    <t>Nie bežná dostupnosť</t>
  </si>
  <si>
    <t>1. VŠEOBECNÁ ŠPECIFIKÁCIA PREDMETU ZÁKAZKY</t>
  </si>
  <si>
    <t>3.1 Rozdelenie predmetu zákazky</t>
  </si>
  <si>
    <t xml:space="preserve">akceptujem / neakceptujem </t>
  </si>
  <si>
    <t>Požaduje sa:</t>
  </si>
  <si>
    <t>1.1 Názov predmetu zákazky:</t>
  </si>
  <si>
    <t>1.2 CPV:</t>
  </si>
  <si>
    <t>1.3 Druh:</t>
  </si>
  <si>
    <t>MJ</t>
  </si>
  <si>
    <t>Názov položky predmetu zákazky</t>
  </si>
  <si>
    <t>7. PRÍLOHY</t>
  </si>
  <si>
    <t>1.</t>
  </si>
  <si>
    <t>Príloha č. 1</t>
  </si>
  <si>
    <t xml:space="preserve">3.1.a)  Rozdelenie na časti: </t>
  </si>
  <si>
    <t>3.1.b)  Zoznam položiek:</t>
  </si>
  <si>
    <t>Poradové číslo</t>
  </si>
  <si>
    <t>3.2 Dostupnosť na trhu:</t>
  </si>
  <si>
    <t>Áno</t>
  </si>
  <si>
    <t>Nie</t>
  </si>
  <si>
    <t>2.  FUNKČNÁ ŠPECIFIKÁCIA PREDMETU ZÁKAZKY</t>
  </si>
  <si>
    <t>3.  ROZDELENIE a DOSTUPNOSŤ PREDMETU ZÁKAZKY</t>
  </si>
  <si>
    <t>4. TECHNICKÁ ŠPECIFIKÁCIA PREDMETU ZÁKAZKY</t>
  </si>
  <si>
    <t xml:space="preserve">spĺňa / nespĺňa </t>
  </si>
  <si>
    <t>hodnota ponúkaného ekvivalentného produktu</t>
  </si>
  <si>
    <t>dôvod neakceptovania požiadavky a návrh jej úpravy</t>
  </si>
  <si>
    <t>6.1</t>
  </si>
  <si>
    <t>6.2</t>
  </si>
  <si>
    <t>6.3</t>
  </si>
  <si>
    <t>Príloha č. 2</t>
  </si>
  <si>
    <t>Prospektový materiál</t>
  </si>
  <si>
    <t>Kontaktná osoba predkladateľa PTK pre účely overenia si informácií týkajúcich sa technických parametrov ponúkaného produktu:</t>
  </si>
  <si>
    <t>Meno a priezvisko:</t>
  </si>
  <si>
    <t>Pracovná pozícia:</t>
  </si>
  <si>
    <t>Telefónne číslo:</t>
  </si>
  <si>
    <t>E-mail:</t>
  </si>
  <si>
    <t>PREHLÁSENIE</t>
  </si>
  <si>
    <t>V:</t>
  </si>
  <si>
    <t>podpis:</t>
  </si>
  <si>
    <t>Dňa:</t>
  </si>
  <si>
    <t>meno:</t>
  </si>
  <si>
    <t>pracovná pozícia:</t>
  </si>
  <si>
    <t>pečiatka:</t>
  </si>
  <si>
    <t>V súlade s § 25 zákona č. 343/2015 o verejnom obstarávaní za účelom stanovenia požiadaviek (transparentných) na predmet zákazky a predpokladanej hodnoty zákazky.</t>
  </si>
  <si>
    <t>5. MINIMÁLNE OSOBITNÉ ZMLUVNÉ POŽIADAVKY NA PREDMET ZÁKAZKY</t>
  </si>
  <si>
    <t>Účel prípravnej trhovej konzultácie</t>
  </si>
  <si>
    <t>Sídlo:</t>
  </si>
  <si>
    <t>Týmto prehlasujem, že v PTK nami uvedený/é tovar/y v plnom rozsahu spĺňajú funkčnú špecifikáciu (t.j. účel použitia) predmetu zákazky. Zároveň prehlasujem, že v prípade, ak verejný obstarávateľ vyhlási zákazku na uvedený predmet zákazky v súlade s nami ponúkanými hodnotami uvedeného/ných tovaru/ov nie sú nám známe žiadne okolnosti, ktoré by nám bránili v účasti v predmetnej zákazky.</t>
  </si>
  <si>
    <t>Dodávateľ:</t>
  </si>
  <si>
    <t>V súlade s § 25 zákona o VO za účelom prijatia primeraných opatrení, aby sa účasťou záujemcov, uchádzačov alebo hospodárskych subjektov v príslušnej prípravnej trhovej konzultácií nenarušila hospodárska súťaž, poskytne verejný obstarávateľ všetky informácie súvisiace s prípravnou trhovou konzultáciou, vrátane informácií, ktoré z účasti  záujemcov, uchádzačov alebo hospodárskych subjektov so vzťahom k záujemcovi alebo uchádzačovi vyplynuli každému, kto o to požiada.</t>
  </si>
  <si>
    <t xml:space="preserve">6. MINIMÁLNE OSOBITNÉ POŽIADAVKY NA PREDMET ZÁKAZKY A DOKLADY </t>
  </si>
  <si>
    <t>tovar</t>
  </si>
  <si>
    <t>2.</t>
  </si>
  <si>
    <t>3.</t>
  </si>
  <si>
    <t>4.</t>
  </si>
  <si>
    <t>5.</t>
  </si>
  <si>
    <t>6.</t>
  </si>
  <si>
    <t>7.</t>
  </si>
  <si>
    <t>8.</t>
  </si>
  <si>
    <t>9.</t>
  </si>
  <si>
    <t>11.</t>
  </si>
  <si>
    <t>Položka č. 2</t>
  </si>
  <si>
    <t>Položka č. 3</t>
  </si>
  <si>
    <t>Položka č. 4</t>
  </si>
  <si>
    <t>Položka č. 5</t>
  </si>
  <si>
    <t>Položka č. 6</t>
  </si>
  <si>
    <t>10.</t>
  </si>
  <si>
    <t>1.1</t>
  </si>
  <si>
    <t>1.2</t>
  </si>
  <si>
    <t>1.3</t>
  </si>
  <si>
    <t>1.4</t>
  </si>
  <si>
    <t>1.5</t>
  </si>
  <si>
    <t>1.6</t>
  </si>
  <si>
    <t>1.7</t>
  </si>
  <si>
    <t>3.1</t>
  </si>
  <si>
    <t>3.2</t>
  </si>
  <si>
    <t>3.3</t>
  </si>
  <si>
    <t>3.4</t>
  </si>
  <si>
    <t>3.5</t>
  </si>
  <si>
    <t>6.4</t>
  </si>
  <si>
    <t>6.5</t>
  </si>
  <si>
    <t xml:space="preserve">Požaduje sa poskytovanie plnenia vo viacerých ucelených častiach, a to na základe písomných čiastkových výziev (ďalej len "objednávka") objednávateľa s periodicitou a v minimálnych objemoch podľa jeho aktuálnych prevádzkových potrieb. </t>
  </si>
  <si>
    <t>Požaduje sa dodanie tovaru:</t>
  </si>
  <si>
    <t>v pracovných dňoch (do termínu sa nezapočítavajú dni pracovného voľna, pracovného pokoja a štátne sviatky),</t>
  </si>
  <si>
    <t>v čase od 07:00 hod. do 14:00 hod.,</t>
  </si>
  <si>
    <t>s dodacím listom, ktorý musí obsahovať okrem povinných náležitostí aj číslo objednávky, číslo rámcovej dohody, ŠÚKL kód (ak je to relevantné), kód MZ SR (ak je to relevantné), jednotkovú cenu príslušnej položky bez DPH, s DPH, sadzbu DPH, celkovú cenu príslušnej položky bez DPH, s DPH.
V prípade, ak je dodávaný tovar z krajiny EÚ (okrem SR), je dodávateľ povinný uviesť v dodacom liste, okrem náležitostí uvedených v predchádzajúcej vete, aj:
- kód tovaru podľa aktuálne platného colného sadzobníka,
- údaj o krajine pôvodu tovaru (t.j. krajina kde bol tovar vyrobený).</t>
  </si>
  <si>
    <t>V prípade, ak dodávateľ doručí objednávateľovi tovar v kvalite a/alebo v množstve nezodpovedajúcom požiadavkám objednávateľa, je objednávateľ oprávnený v lehote do 3 pracovných dní od dodania tovaru požiadať dodávateľa o dodanie tovaru zodpovedajúceho jeho požiadavkám. Dodávateľ je povinný nahradiť reklamovaný tovar tovarom v kvalite a v množstve zodpovedajúcom požiadavkám objednávateľa, a to v lehote najneskôr do 10 pracovných dní odo dňa oznámenia požiadavky objednávateľa podľa predchádzajúcej vety.
Všetky vzniknuté náklady spojené s oprávnenou reklamáciou objednávateľa znáša v plnom rozsahu dodávateľ (napr. doprava).</t>
  </si>
  <si>
    <t>V prípade, ak sa po uzatvorení tejto rámcovej dohody preukáže, že na relevantnom trhu existuje cena (ďalej tiež ako "nižšia cena") za rovnaké alebo porovnateľné plnenie ako je obsiahnuté v tejto rámcovej dohode a dodávateľ už preukázateľne v minulosti za takúto nižšiu cenu plnenie poskytol, resp. ešte stále poskytuje, pričom rozdiel medzi nižšou cenou a cenou podľa tejto rámcovej dohody je viac ako 5% v neprospech ceny podľa tejto rámcovej dohody, zaväzuje sa dodávateľ poskytnúť objednávateľovi pre takéto plnenie objednané po preukázaní tejto skutočnosti dodatočnú zľavu vo výške rozdielu medzi ním poskytovanou cenou podľa tejto rámcovej dohody a nižšou cenou.</t>
  </si>
  <si>
    <t>V prípade, ak sa po uzatvorení tejto rámcovej dohody preukáže, že na relevantnom trhu existuje nižšia cena za rovnaké alebo porovnateľné plnenie ako je obsiahnuté v tejto rámcovej dohode od akéhokoľvek dodávateľa (t.j. viac ako 5% v neprospech ceny podľa tejto rámcovej dohody), objednávateľ po preukázaní tejto skutočnosti vyzve dodávateľa k rokovaniu o ďalšom postupe vo veci úpravy zmluvnej ceny (napr. návrh na uzavretie dodatku, predmetom ktorého bude zníženie zmluvnej ceny a pod.). V prípade, ak sa zmluvné strany podľa predchádzajúcej vety nedohodnú na spoločnom návrhu ďalšieho postupu, objednávateľ si vyhradzuje právo zmluvu vypovedať s výpovednou dobou 1 mesiac. Výpovedná doba začína plynúť od prvého dňa kalendárneho mesiaca nasledujúceho po doručení výpovede a skončí sa uplynutím posledného dňa príslušného kalendárneho mesiaca.</t>
  </si>
  <si>
    <t>12.</t>
  </si>
  <si>
    <t>13.</t>
  </si>
  <si>
    <t>Požaduje sa, aby dodávateľ v čase predloženia ponuky a zároveň počas trvania zmluvy bol oprávnený na poskytnutie plnenia predmetu zákazky.</t>
  </si>
  <si>
    <t>14.</t>
  </si>
  <si>
    <t>Zmluvné strany sa dohodli, že pohľadávky, ktoré vzniknú dodávateľovi z tohto zmluvného vzťahu, dodávateľ nie je oprávnený postúpiť tretím osobám bez predchádzajúceho súhlasu objednávateľa. Postúpenie pohľadávok bez predchádzajúceho súhlasu objednávateľa je neplatné. Súhlas objednávateľa je platný len za podmienky, že bol na takýto úkon udelený predchádzajúci písomný súhlas Ministerstva zdravotníctva SR.</t>
  </si>
  <si>
    <t>Osobné údaje dotknutých osôb, ktoré sú súčasťou tohto procesu verejného obstarávania, sú spracúvané verejným obstarávateľom na vopred vymedzený účel v súlade s Nariadením Európskeho parlamentu a Rady (EÚ) 2016/679 o ochrane fyzických osôb pri spracúvaní osobných údajov a o voľnom pohybe takýchto údajov a zákona NR SR č. 18/2018 Z. z. o ochrane osobných údajov a o zmene a doplnení niektorých zákonov. Bližšie informácie sú uvedené na webovom sídle verejného obstarávateľa.</t>
  </si>
  <si>
    <t>Požaduje sa, aby dodávateľ počas trvania zmluvného vzťahu informoval objednávateľa o každej zmene (písomne, bezodkladne najneskôr do 5 pracovných dní odo dňa účinnosti zmeny, predložením kópie dokladov, ktorými preukáže oprávnenosť vykonaných zmien):
- údajov týkajúcich sa tovaru (napr. zmena názvu tovaru a pod.).</t>
  </si>
  <si>
    <t>Požaduje sa možnosť uplatnenia si náhrady škody u dodávateľa vo výške vzniknutých finančných nákladov a/alebo možnosť vrátenia nespotrebovanej časti tovaru v prípade nedodržania požiadaviek uvedených v bodoch 7. - 11. tejto časti rámcovej dohody.</t>
  </si>
  <si>
    <t>15.</t>
  </si>
  <si>
    <t>16.</t>
  </si>
  <si>
    <t>17.</t>
  </si>
  <si>
    <t xml:space="preserve">Požaduje sa v zmysle § 340b ods. 5 zákona č. 513/1991 Z.z. Obchodného zákonníka v znení neskorších predpisov splatnosť faktúry v lehote 60 dní odo dňa jej doručenia objednávateľovi. </t>
  </si>
  <si>
    <t>18.</t>
  </si>
  <si>
    <t>19.</t>
  </si>
  <si>
    <t>20.</t>
  </si>
  <si>
    <t xml:space="preserve">Požadovaný počet MJ za zmluvné obdobie 12 mes. </t>
  </si>
  <si>
    <t>do 24 hodín od doručenia písomnej objednávky dodávateľovi,</t>
  </si>
  <si>
    <t xml:space="preserve">na dohodnuté miesto plnenia a zodpovednej osobe objednávateľa, </t>
  </si>
  <si>
    <t xml:space="preserve">Rámcová dohoda s jedným účastníkom bez opätovného otvorenia súťaže sa uzatvára na dohodnuté zmluvné obdobie 12 mesiacov, resp. do doby naplnenia zmluvného finančného objemu podľa toho, ktorá z uvedených skutočností nastane skôr. </t>
  </si>
  <si>
    <t>Položka č. 7</t>
  </si>
  <si>
    <t>Osobné ochranné pracovné prostriedky</t>
  </si>
  <si>
    <t xml:space="preserve">Osobné ochranné pracovné prostriedky pre účely poskytovania zdravotnej starostlivosti. </t>
  </si>
  <si>
    <t>9.1</t>
  </si>
  <si>
    <t>po obvode obšitá gumičkou</t>
  </si>
  <si>
    <t>jednorazové použitie</t>
  </si>
  <si>
    <t>Položka č. 8</t>
  </si>
  <si>
    <t>Položka č. 9</t>
  </si>
  <si>
    <t>Položka č. 10</t>
  </si>
  <si>
    <t>Položka č. 11</t>
  </si>
  <si>
    <t>Položka č. 12</t>
  </si>
  <si>
    <t>Položka č. 13</t>
  </si>
  <si>
    <t>Zmluvné strany sa dohodli, že sú zbavené zodpovednosti za čiastočné alebo úplné neplnenie zmluvných povinností podľa tohto zmluvného vzťahu v prípade, že toto neplnenie je v dôsledku okolností vylučujúcich zodpovednosť . Pre účely tohto zmlúvného vzťahu sa za vyššiu moc považujú prípady, ktoré nie sú závislé, ani ich nemôžu ovplyvniť zmluvné strany, a to najmä podľa ústavného zákona č. 227/2002 Z. z. o bezpečnosti štátu v čase vojny, vojnového stavu, výnimočného stavu a núdzového stavu. Tá zmluvná strana, ktorá sa odvolá na okolnosti vylučujúce zodpovednosť, je povinná to oznámiť druhej zmluvnej strane najneskôr do 5 (piatich) kalendárnych dní od vzniku tejto skutočnosti a môže požiadať o prípadnú úpravu podmienok zmluvy. Na požiadanie zmluvnej strany, ktorej boli avizované okolnosti vylučujúce zodpovednosť, je povinný oznamovateľ predložiť hodnoverný dôkaz. Ak nedôjde k dohode, má zmluvná strana, ktorá sa odvolala na okolnosti vylučujúce zodpovednosť, právo odstúpiť od uzatvorenej rámcovej dohody. Účinky odstúpenia nastanú dňom doručenia oznámenia druhej zmluvnej strane.</t>
  </si>
  <si>
    <t>Dodávateľ je povinný podľa nariadenia Európskeho parlamentu a Rady (EÚ) 2016/679 o ochrane fyzických osôb pri spracúvaní osobných údajov a o voľnom pohybe takýchto údajov, ktorým sa zrušuje smernica 95/46/ES (všeobecné nariadenie o ochrane údajov) dodržiavať mlčanlivosť o osobných údajoch, ako aj o všetkých skutočnostiach o ktorých sa dozvedel pri vykonávaní činností vyplývajúcich z uzatvorenej rámcovej dohody. Zároveň je povinný o tejto povinnosti preukázateľne poučiť aj svojich zamestnancov. Povinnosť zachovávať mlčanlivosť platí aj po skončení trvania rámcovej dohody. V opačnom prípade objednávateľovi zodpovedá za škodu, ktorá objednávateľovi vznikla porušením tejto povinnosti.</t>
  </si>
  <si>
    <t>Požaduje sa akceptovať záväzok dodávateľa dodržiavať etické zásady objednávateľa uvedené v Etickom kódexe obchodných partnerov spoločnosti Východoslovenský ústav srdcových a cievnych chorôb, a. s. (ďalej len "Etický kódex") zverejnený na webovom sídle objednávateľa www.vusch.sk, pričom v prípade zistenia, že dodávateľ Etický kódex porušuje, je objednávateľ oprávnený zmluvu v 1-mesačnej výpovednej lehote vypovedať. Výpovedná lehota začne plynúť prvým (1.) kalendárnym dňom mesiaca, nasledujúcom po mesiaci, v ktorom bola písomná výpoveď objednávateľa doručená dodávateľovi a skončí sa uplynutím posledného kalendárneho dňa príslušného mesiaca.</t>
  </si>
  <si>
    <r>
      <t xml:space="preserve">Požadované minimálne osobitné požiadavky na predmet zákazky a doklady </t>
    </r>
    <r>
      <rPr>
        <sz val="10"/>
        <color theme="1"/>
        <rFont val="Arial"/>
        <family val="2"/>
        <charset val="238"/>
      </rPr>
      <t>(požadované verejným obstarávateľom pri vyhlásení verejného obstarávania):</t>
    </r>
    <r>
      <rPr>
        <b/>
        <sz val="10"/>
        <color theme="1"/>
        <rFont val="Arial"/>
        <family val="2"/>
        <charset val="238"/>
      </rPr>
      <t xml:space="preserve">
</t>
    </r>
  </si>
  <si>
    <t>Doklady a dokumenty, na preukázanie splnenia osobitných požiadaviek na predmet zákazky požadované pri vyhlásení verejnej súťaže.</t>
  </si>
  <si>
    <t>60000000-8 Dopravné služby (bez prepravy odpadu)</t>
  </si>
  <si>
    <r>
      <t xml:space="preserve">Návod na používanie a údržbu v slovenskom jazyku pre splnenie paragrafu 6 ods. 2 NV SR č. 395/2006 Z.z. </t>
    </r>
    <r>
      <rPr>
        <b/>
        <sz val="10"/>
        <color theme="1"/>
        <rFont val="Arial"/>
        <family val="2"/>
        <charset val="238"/>
      </rPr>
      <t xml:space="preserve">pre každú položku predmetu zákazky. </t>
    </r>
  </si>
  <si>
    <r>
      <t xml:space="preserve">Doklad s názvom ES vyhlásenie o zhode a podklady k nemu, resp. iné doklady, ktoré nahrádzajú požadované potvrdenie pre </t>
    </r>
    <r>
      <rPr>
        <b/>
        <sz val="10"/>
        <color theme="1"/>
        <rFont val="Arial"/>
        <family val="2"/>
        <charset val="238"/>
      </rPr>
      <t>každú položku predmetu zákazky.</t>
    </r>
  </si>
  <si>
    <r>
      <t xml:space="preserve">Potvrdenia ŠÚKL - výstup z databázy registrovaných/evidovaných zdravotníckych pomôcok, resp. iné doklady, ktoré nahrádzajú požadované potvrdenie ku všetkým ponúkaným produktom uvedeným v prílohe </t>
    </r>
    <r>
      <rPr>
        <b/>
        <sz val="10"/>
        <color theme="1"/>
        <rFont val="Arial"/>
        <family val="2"/>
        <charset val="238"/>
      </rPr>
      <t>pre každú položku predmetu zákazky.</t>
    </r>
  </si>
  <si>
    <r>
      <t xml:space="preserve">Funkčné vzorky </t>
    </r>
    <r>
      <rPr>
        <b/>
        <sz val="10"/>
        <color theme="1"/>
        <rFont val="Arial"/>
        <family val="2"/>
        <charset val="238"/>
      </rPr>
      <t>všetkých ponúkaných produktov</t>
    </r>
    <r>
      <rPr>
        <sz val="10"/>
        <color theme="1"/>
        <rFont val="Arial"/>
        <family val="2"/>
        <charset val="238"/>
      </rPr>
      <t xml:space="preserve"> uvedených v Prílohe č. 1 v minimálnom počte 1 ks (t.j. 1 ks pre každú požadovanú položku/veľkosť predmetu zákazky) za účelom ich testovania v plnej prevádzke verejného obstarávateľa. Požaduje sa viditeľná identifikácia každej predloženej vzorky, na základe ktorej verejný obstarávateľ jednoznačne identifikuje, ku ktorej požadovanej položke predmetu zákazky bola vzorka predložená. Požaduje sa označenie každej vzorky. Samostatne zabalená vzorka pre každú položku predmetu zákazky musí tvoriť súčasť ponuky.</t>
    </r>
  </si>
  <si>
    <r>
      <t xml:space="preserve">Prospektový materiál </t>
    </r>
    <r>
      <rPr>
        <b/>
        <sz val="10"/>
        <color theme="1"/>
        <rFont val="Arial"/>
        <family val="2"/>
        <charset val="238"/>
      </rPr>
      <t>všetkých ponúkaných produktov uvedených v Prílohe č. 1.</t>
    </r>
    <r>
      <rPr>
        <sz val="10"/>
        <color theme="1"/>
        <rFont val="Arial"/>
        <family val="2"/>
        <charset val="238"/>
      </rPr>
      <t xml:space="preserve"> Prospektový materiál musí obsahovať popis funkcií a technických parametrov ponúkaného produktu tak, aby na základe nich mohol verejný obstarávateľ jednoznačne posúdiť splnenie všetkých požadovaných minimálnych technických vlastností, parametrov a hodnôt v súlade s technickou špecifikáciou predmetu zákazky. Prospektový materiál nemusí byť preložený do slovenského jazyka. </t>
    </r>
  </si>
  <si>
    <t>V prípade, ak počas platnosti rámcovej dohody bude ukončená výroba niektorého z druhov tovaru je dodávateľ povinný ponúknuť objednávateľovi plne funkčný tovar s rovnakými, resp. vyššími parametrami a vlastnosťami, aké mal tovar, ktorého výroba bola ukončená (ďalej len "náhradný tovar"). Táto skutočnosť musí byť doložená oficiálnym vyhlásením výrobcu. Cena náhradného tovaru nesmie byť vyššia ako cena pôvodného tovaru, ktorého výroba bola ukončená. Ak trhová cena náhradného tovaru bude v danom období nižšia ako cena pôvodného tovaru, platí spôsob určenia ceny uvedený v predchádzajúcom bode.</t>
  </si>
  <si>
    <t>Operačná košeľa</t>
  </si>
  <si>
    <t>Operačný odev</t>
  </si>
  <si>
    <t>Operačné nohavice</t>
  </si>
  <si>
    <t>Položka č. 1 - Operačný odev</t>
  </si>
  <si>
    <t>vyrobený z priedušnej netkanej vodoodolnej textílie</t>
  </si>
  <si>
    <t>obsahuje blúzu s vreckom a nohavice so šnúrkou alebo gumou v páse</t>
  </si>
  <si>
    <t>vysoko odolné proti prenikaniu tekutín a baktérií</t>
  </si>
  <si>
    <t>odolné proti oderu, netvorí žmolky</t>
  </si>
  <si>
    <t>krátky rukáv</t>
  </si>
  <si>
    <t xml:space="preserve">Položka č. 2 - Operačná košeľa </t>
  </si>
  <si>
    <t>vyrobená z priedušnej netkanej vodoodolnej textílie</t>
  </si>
  <si>
    <t>obsahuje blúzu s vreckom</t>
  </si>
  <si>
    <t>golier s výstrihom do V alebo okrúhly</t>
  </si>
  <si>
    <t>Položka č. 3 - Operačné nohavice</t>
  </si>
  <si>
    <t>vyrobené z priedušnej netkanej vodoodolnej textílie</t>
  </si>
  <si>
    <t>nohavice so šnúrkou alebo gumou v páse</t>
  </si>
  <si>
    <t>rovné nohavice</t>
  </si>
  <si>
    <t>elastické úpletové manžety na rukávoch</t>
  </si>
  <si>
    <t>dve vrecká</t>
  </si>
  <si>
    <t>zapínanie vpredu</t>
  </si>
  <si>
    <t>vyrobený z otepľovacej netkanej textílie</t>
  </si>
  <si>
    <t>Položka č. 4 - Operačný kabátik</t>
  </si>
  <si>
    <t>Položka č. 5 - Vynilová zástera</t>
  </si>
  <si>
    <t>na opakované použitie</t>
  </si>
  <si>
    <t>nepremokavá, vodeodolná</t>
  </si>
  <si>
    <t>mechanicky odolná</t>
  </si>
  <si>
    <t>odolná voči chemikáliám</t>
  </si>
  <si>
    <t>Položka č. 6 - Jednorazová zástera</t>
  </si>
  <si>
    <t>vyrobená z PE fólie</t>
  </si>
  <si>
    <t>prevencia proti prenosu infekcie</t>
  </si>
  <si>
    <t>ochrana pred znečistením</t>
  </si>
  <si>
    <t>ochrana pred znečistením lôžka</t>
  </si>
  <si>
    <t>krytie matraca</t>
  </si>
  <si>
    <t>integrovaná inkontinenčná podložka</t>
  </si>
  <si>
    <t>Položka č. 9 - Prenášacia plachta</t>
  </si>
  <si>
    <t>vyrobená z pevného materiálu</t>
  </si>
  <si>
    <t>nosnosť do 150 kg</t>
  </si>
  <si>
    <t>Položka č. 10 - Jednorazové chirurgické rúško - typ č. 3</t>
  </si>
  <si>
    <t xml:space="preserve">s prehľadom pre oči </t>
  </si>
  <si>
    <t>z netkanej textílie</t>
  </si>
  <si>
    <t>neobsahuje latex, sklenené vlákna, ani iné alergény</t>
  </si>
  <si>
    <t>trojvrstvové prevedenie s vysokou filtračnou účinnosťou</t>
  </si>
  <si>
    <t>integrovaná výstuž pre vytvarovanie v oblasti nosa</t>
  </si>
  <si>
    <t>jednorazový ochranný prostriedok proti prenosu mikroorganizmov</t>
  </si>
  <si>
    <t xml:space="preserve">fixácia pomocou úväzkov okolo hlavy </t>
  </si>
  <si>
    <t>prierez bez zarosenia</t>
  </si>
  <si>
    <t xml:space="preserve">Položka č. 11 - Jednorazové chirurgické rúško - typ č. 4                            </t>
  </si>
  <si>
    <t>prúžok chraniaci pred zarosením skliel okuliarov</t>
  </si>
  <si>
    <t xml:space="preserve">integrovaná výstuž pre vytvarovanie v oblasti nosa, zapracovaný prúžok proti zaroseniu </t>
  </si>
  <si>
    <t xml:space="preserve">zapracovaný prúžok proti zaroseniu </t>
  </si>
  <si>
    <t>okraj čiapky s možnosťou vyhrnutia a použitia ako pásu na zabránenie stekania potu z čela</t>
  </si>
  <si>
    <t xml:space="preserve">materiálové zloženie: z jemnej netkanej priedušnej textílie neobsahujúcej alergizujúce zložky </t>
  </si>
  <si>
    <t>veľkosť: univerzálna (štandardné európske veľkosti)</t>
  </si>
  <si>
    <t>farba: modrá, zelená, fialová.</t>
  </si>
  <si>
    <t xml:space="preserve">elastická </t>
  </si>
  <si>
    <t>materiálové zloženie: z jemnej netkanej priedušnej textílie neobsahujúcej alergizujúce zložky</t>
  </si>
  <si>
    <r>
      <t xml:space="preserve">variabilne nastaviteľná čiapka </t>
    </r>
    <r>
      <rPr>
        <b/>
        <sz val="10"/>
        <rFont val="Arial"/>
        <family val="2"/>
        <charset val="238"/>
      </rPr>
      <t>na uväzovanie</t>
    </r>
    <r>
      <rPr>
        <sz val="10"/>
        <rFont val="Arial"/>
        <family val="2"/>
        <charset val="238"/>
      </rPr>
      <t xml:space="preserve"> v zadnej časti hlavy  </t>
    </r>
  </si>
  <si>
    <r>
      <t xml:space="preserve">variabilne nastaviteľná čiapka </t>
    </r>
    <r>
      <rPr>
        <b/>
        <sz val="10"/>
        <rFont val="Arial"/>
        <family val="2"/>
        <charset val="238"/>
      </rPr>
      <t>na gumičku</t>
    </r>
    <r>
      <rPr>
        <sz val="10"/>
        <rFont val="Arial"/>
        <family val="2"/>
        <charset val="238"/>
      </rPr>
      <t xml:space="preserve"> v zadnej časti hlavy na polodlhe vlasy </t>
    </r>
  </si>
  <si>
    <t>Operačný kabátik</t>
  </si>
  <si>
    <t>Vynilová zástera</t>
  </si>
  <si>
    <t>Jednorazová zástera</t>
  </si>
  <si>
    <t>Prenášacia plachta</t>
  </si>
  <si>
    <t xml:space="preserve">Ochranná plachta na lôžko - typ č. 1 </t>
  </si>
  <si>
    <t>Ochranná plachta na lôžko - typ č. 2</t>
  </si>
  <si>
    <t>Jednorazové chirurgické rúško - typ č. 3</t>
  </si>
  <si>
    <t>Jednorazové chirurgické rúško - typ č. 4</t>
  </si>
  <si>
    <t>Dámska čiapka - typ č. 1</t>
  </si>
  <si>
    <t>Dámska čiapka - typ č. 2</t>
  </si>
  <si>
    <t>Položka č. 12 - Dámska čiapka - typ č. 1</t>
  </si>
  <si>
    <t>Položka č. 13 - Dámska čiapka - typ č. 2</t>
  </si>
  <si>
    <t>veľkosť S, M, L, XL, XXL.</t>
  </si>
  <si>
    <t>rôzne veľkosti.</t>
  </si>
  <si>
    <t>možnosť viazať v páse.</t>
  </si>
  <si>
    <t>zvýšená odolnosť voči roztrhnutiu.</t>
  </si>
  <si>
    <t>krytie matraca.</t>
  </si>
  <si>
    <t>po stranách úchytky.</t>
  </si>
  <si>
    <t>antireflexný, nezarosený priehľad prekryvajúci celú oblasť tvare.</t>
  </si>
  <si>
    <t>Položka č. 7 - Ochranná plachta na lôžko - typ č. 1</t>
  </si>
  <si>
    <t>Položka č. 8 - Ochranná plachta na lôžko - typ č. 2</t>
  </si>
  <si>
    <t>35113400-3 Ochranné a bezpečnostné odevy
18100000-0 Pracovné odevy, špeciálne pracovné odevy a doplnky
18443340-1 Čiapky
33140000-3 Zdravotnícky spotrebný materiál
39522120-4 Ochranné plachty</t>
  </si>
  <si>
    <t>Dodávateľ je povinný vystaviť faktúru za dodávku tovaru v súlade s ustanovením §73 zákona č. 222/2004 Z. z. o dani z pridanej hodnoty, najneskôr však do piateho (5) pracovného dňa v mesiaci, nasledujúceho po mesiaci, v ktorom došlo k dodaniu tovaru podľa uzatvorenej rámcovej dohody. Dodávateľ je povinný k faktúre vždy priložiť kópiu objednávky objednávateľa ako povinnú prílohu faktúry.Dodávateľ je rovnako povinný k faktúre priložiť kópiu dodacieho listu ako jej povinnú prílohu, okrem prípadov, kedy je faktúra doručená zároveň s dodacím listom.</t>
  </si>
  <si>
    <t>Požaduje sa akceptovať, že platba za plnenie sa realizuje výlučne
bezhotovostným platobným stykom na základe faktúry doručenej dodávateľom, a to vždy za riadne a včas poskytnuté plnenie. Objednávateľ je povinný zaslať faktúru elektronicky na e-mailovú adresu: podatelna@vusch.sk . Za deň splnenia peňažného záväzku sa považuje deň odpísania dlžnej sumy z účtu kupujúceho v prospech účtu predávajúceho.</t>
  </si>
  <si>
    <t>V prípade, ak nastanú skutočnosi uvedené v bodoch 9. je dodávateľ povinný pred prvou dodávkou každého nového tovaru, resp. náhradného druhu tovaru doručiť objednávateľovi prospektový materiál a zároveň doručiť návrh dodatku, ktorého predmetom bude zmena rozsahu plnenia vrátane aktualizovaného štruktúrovaného rozpočtu ceny predmetu zákazky.</t>
  </si>
  <si>
    <r>
      <t xml:space="preserve">Dodávateľ uvedie informácie, či ním ponúkaný produkt spĺňa, resp. nespĺňa verejným obstarávateľom definované požiadavky na predmet zákazky 
</t>
    </r>
    <r>
      <rPr>
        <sz val="10"/>
        <color theme="1"/>
        <rFont val="Arial"/>
        <family val="2"/>
        <charset val="238"/>
      </rPr>
      <t>(v prípade, ak ponúkaný produkt nespĺňa definované požiadavky uvedie ekvivalentnú hodnotu ním ponúkaného produktu)</t>
    </r>
  </si>
  <si>
    <r>
      <t xml:space="preserve">Dodávateľ uvedie informáciu, či akceptuje resp. neakceptuje verejným obstarávateľom definované zmluvné požiadavky na predmet zákazky
</t>
    </r>
    <r>
      <rPr>
        <sz val="10"/>
        <color theme="1"/>
        <rFont val="Arial"/>
        <family val="2"/>
        <charset val="238"/>
      </rPr>
      <t>(v prípade neakceptovania príslušnej požiadavky uvedie dôvod a ním navrhovanú úpravu)</t>
    </r>
  </si>
  <si>
    <r>
      <t xml:space="preserve">Dodávateľ uvedie informácie, či akceptuje resp. neakceptuje verejným obstarávateľom definované minimálne osobitné požiadavky na predmet zákazky a doklady 
</t>
    </r>
    <r>
      <rPr>
        <sz val="10"/>
        <color theme="1"/>
        <rFont val="Arial"/>
        <family val="2"/>
        <charset val="238"/>
      </rPr>
      <t>(v prípade neakceptovania príslušnej požiadavky uvedie dôvod a ním navrhovanú úpravu)</t>
    </r>
  </si>
  <si>
    <t xml:space="preserve">Štruktúrovaný rozpočet ceny  </t>
  </si>
  <si>
    <t>1.8</t>
  </si>
  <si>
    <t>1.9</t>
  </si>
  <si>
    <t>Požaduje sa, aby v prípade ak sa úspešným dodávateľom po elektronickej aukcii stane:
- dodávateľ, ktorý je alebo bol dodávateľom predmetu zákazky pre objednávateľa a ak jeho konečná jednotková cena za MJ bez DPH je vyššia ako súčasne aktuálna alebo predtým platná jednotková cena za MJ bez DPH, za ktorú objednávateľ nakupuje alebo nakupoval od dodávateľa pred vyhlásením tejto súťaže,
alebo
- dodávateľ, ktorý objednávateľovi predložil aktuálnu cenovú ponuku pred vyhlásením tejto súťaže a jeho konečná jednotková cena za MJ bez DPH je vyššia ako cena ktorú predložil v aktuálnej cenovej ponuke pred vyhlásením tejto súťaže,
tak:
objednávateľ vyzve úspešného dodávateľa na podanie vysvetlenia k uvedenému a ak po prehodnotení písomného zdôvodnenia objednávateľ:
8.1 uzná navýšenie konečnej jednotkovej ceny za MJ bez DPH príslušnej položky predmetu zákazky, zašle dodávateľovi oznámenie, v ktorom potvrdí oprávnenie ním ponúknutej ceny.
8.2 neuzná navýšenie konečnej jednotkovej ceny za MJ bez DPH príslušnej položky predmetu zákazky, vyhradzuje si právo odstúpiť od tejto rámcovej dohody.</t>
  </si>
  <si>
    <t>Dodávateľ je povinný bezodkladne, najneskôr však do 5 pracovných dní od preukázania skutočnosti uvedenej v predchádzajúcom bode, doručiť objednávateľovi dodatok, predmetom ktorého bude upravená cena zistená podľa bodu 8. tejto rámcovej dohody.</t>
  </si>
  <si>
    <t>povinné údaje vyplní dodávateľ</t>
  </si>
  <si>
    <t xml:space="preserve">fixácia pomocou úväzkov okolo hlavy. </t>
  </si>
</sst>
</file>

<file path=xl/styles.xml><?xml version="1.0" encoding="utf-8"?>
<styleSheet xmlns="http://schemas.openxmlformats.org/spreadsheetml/2006/main" xmlns:mc="http://schemas.openxmlformats.org/markup-compatibility/2006" xmlns:x14ac="http://schemas.microsoft.com/office/spreadsheetml/2009/9/ac" mc:Ignorable="x14ac">
  <numFmts count="1">
    <numFmt numFmtId="164" formatCode="#,##0.00\ &quot;€&quot;"/>
  </numFmts>
  <fonts count="13" x14ac:knownFonts="1">
    <font>
      <sz val="11"/>
      <color theme="1"/>
      <name val="Calibri"/>
      <family val="2"/>
      <charset val="238"/>
      <scheme val="minor"/>
    </font>
    <font>
      <sz val="11"/>
      <color theme="1"/>
      <name val="Calibri"/>
      <family val="2"/>
      <charset val="238"/>
      <scheme val="minor"/>
    </font>
    <font>
      <sz val="10"/>
      <color theme="1"/>
      <name val="Arial"/>
      <family val="2"/>
      <charset val="238"/>
    </font>
    <font>
      <b/>
      <sz val="10"/>
      <color theme="1"/>
      <name val="Arial"/>
      <family val="2"/>
      <charset val="238"/>
    </font>
    <font>
      <sz val="10"/>
      <name val="Arial"/>
      <family val="2"/>
      <charset val="238"/>
    </font>
    <font>
      <b/>
      <sz val="10"/>
      <name val="Arial"/>
      <family val="2"/>
      <charset val="238"/>
    </font>
    <font>
      <b/>
      <sz val="9"/>
      <name val="Arial"/>
      <family val="2"/>
      <charset val="238"/>
    </font>
    <font>
      <sz val="9"/>
      <color theme="1"/>
      <name val="Arial"/>
      <family val="2"/>
      <charset val="238"/>
    </font>
    <font>
      <b/>
      <sz val="11"/>
      <color theme="1"/>
      <name val="Calibri"/>
      <family val="2"/>
      <charset val="238"/>
      <scheme val="minor"/>
    </font>
    <font>
      <b/>
      <sz val="10"/>
      <color rgb="FFFF0000"/>
      <name val="Arial"/>
      <family val="2"/>
      <charset val="238"/>
    </font>
    <font>
      <sz val="10"/>
      <color rgb="FFFF0000"/>
      <name val="Arial"/>
      <family val="2"/>
      <charset val="238"/>
    </font>
    <font>
      <b/>
      <sz val="9"/>
      <color theme="1"/>
      <name val="Arial"/>
      <family val="2"/>
      <charset val="238"/>
    </font>
    <font>
      <sz val="11"/>
      <color theme="1"/>
      <name val="Times New Roman"/>
      <family val="1"/>
      <charset val="238"/>
    </font>
  </fonts>
  <fills count="7">
    <fill>
      <patternFill patternType="none"/>
    </fill>
    <fill>
      <patternFill patternType="gray125"/>
    </fill>
    <fill>
      <patternFill patternType="solid">
        <fgColor theme="7" tint="0.79998168889431442"/>
        <bgColor indexed="64"/>
      </patternFill>
    </fill>
    <fill>
      <patternFill patternType="solid">
        <fgColor theme="2"/>
        <bgColor indexed="64"/>
      </patternFill>
    </fill>
    <fill>
      <patternFill patternType="solid">
        <fgColor theme="4" tint="0.59999389629810485"/>
        <bgColor indexed="64"/>
      </patternFill>
    </fill>
    <fill>
      <patternFill patternType="solid">
        <fgColor theme="0" tint="-4.9989318521683403E-2"/>
        <bgColor indexed="64"/>
      </patternFill>
    </fill>
    <fill>
      <patternFill patternType="solid">
        <fgColor theme="0"/>
        <bgColor indexed="64"/>
      </patternFill>
    </fill>
  </fills>
  <borders count="52">
    <border>
      <left/>
      <right/>
      <top/>
      <bottom/>
      <diagonal/>
    </border>
    <border>
      <left style="medium">
        <color auto="1"/>
      </left>
      <right/>
      <top style="medium">
        <color auto="1"/>
      </top>
      <bottom/>
      <diagonal/>
    </border>
    <border>
      <left/>
      <right style="medium">
        <color auto="1"/>
      </right>
      <top style="medium">
        <color auto="1"/>
      </top>
      <bottom/>
      <diagonal/>
    </border>
    <border>
      <left/>
      <right/>
      <top/>
      <bottom style="medium">
        <color auto="1"/>
      </bottom>
      <diagonal/>
    </border>
    <border>
      <left style="dotted">
        <color auto="1"/>
      </left>
      <right style="medium">
        <color auto="1"/>
      </right>
      <top style="dotted">
        <color auto="1"/>
      </top>
      <bottom style="medium">
        <color auto="1"/>
      </bottom>
      <diagonal/>
    </border>
    <border>
      <left style="thin">
        <color auto="1"/>
      </left>
      <right/>
      <top style="thin">
        <color auto="1"/>
      </top>
      <bottom style="thin">
        <color auto="1"/>
      </bottom>
      <diagonal/>
    </border>
    <border>
      <left/>
      <right style="thin">
        <color auto="1"/>
      </right>
      <top style="thin">
        <color auto="1"/>
      </top>
      <bottom style="thin">
        <color auto="1"/>
      </bottom>
      <diagonal/>
    </border>
    <border>
      <left/>
      <right/>
      <top/>
      <bottom style="dotted">
        <color auto="1"/>
      </bottom>
      <diagonal/>
    </border>
    <border>
      <left style="medium">
        <color auto="1"/>
      </left>
      <right style="thin">
        <color auto="1"/>
      </right>
      <top style="thin">
        <color auto="1"/>
      </top>
      <bottom style="thin">
        <color auto="1"/>
      </bottom>
      <diagonal/>
    </border>
    <border>
      <left style="thin">
        <color auto="1"/>
      </left>
      <right style="medium">
        <color indexed="64"/>
      </right>
      <top style="medium">
        <color indexed="64"/>
      </top>
      <bottom style="thin">
        <color auto="1"/>
      </bottom>
      <diagonal/>
    </border>
    <border>
      <left style="thin">
        <color auto="1"/>
      </left>
      <right style="medium">
        <color indexed="64"/>
      </right>
      <top style="thin">
        <color auto="1"/>
      </top>
      <bottom style="thin">
        <color auto="1"/>
      </bottom>
      <diagonal/>
    </border>
    <border>
      <left style="medium">
        <color auto="1"/>
      </left>
      <right/>
      <top style="medium">
        <color auto="1"/>
      </top>
      <bottom style="thin">
        <color auto="1"/>
      </bottom>
      <diagonal/>
    </border>
    <border>
      <left style="thin">
        <color auto="1"/>
      </left>
      <right style="thin">
        <color auto="1"/>
      </right>
      <top style="thin">
        <color auto="1"/>
      </top>
      <bottom style="thin">
        <color auto="1"/>
      </bottom>
      <diagonal/>
    </border>
    <border>
      <left style="medium">
        <color auto="1"/>
      </left>
      <right style="thin">
        <color auto="1"/>
      </right>
      <top style="thin">
        <color auto="1"/>
      </top>
      <bottom style="medium">
        <color auto="1"/>
      </bottom>
      <diagonal/>
    </border>
    <border>
      <left style="medium">
        <color auto="1"/>
      </left>
      <right/>
      <top/>
      <bottom style="medium">
        <color auto="1"/>
      </bottom>
      <diagonal/>
    </border>
    <border>
      <left/>
      <right/>
      <top style="medium">
        <color auto="1"/>
      </top>
      <bottom style="thin">
        <color auto="1"/>
      </bottom>
      <diagonal/>
    </border>
    <border>
      <left/>
      <right/>
      <top style="medium">
        <color auto="1"/>
      </top>
      <bottom/>
      <diagonal/>
    </border>
    <border>
      <left style="thin">
        <color auto="1"/>
      </left>
      <right/>
      <top style="medium">
        <color auto="1"/>
      </top>
      <bottom/>
      <diagonal/>
    </border>
    <border>
      <left style="thin">
        <color auto="1"/>
      </left>
      <right style="dotted">
        <color auto="1"/>
      </right>
      <top style="dotted">
        <color auto="1"/>
      </top>
      <bottom style="medium">
        <color auto="1"/>
      </bottom>
      <diagonal/>
    </border>
    <border>
      <left style="dotted">
        <color auto="1"/>
      </left>
      <right/>
      <top style="dotted">
        <color auto="1"/>
      </top>
      <bottom style="medium">
        <color auto="1"/>
      </bottom>
      <diagonal/>
    </border>
    <border>
      <left style="thin">
        <color auto="1"/>
      </left>
      <right style="dotted">
        <color auto="1"/>
      </right>
      <top style="dotted">
        <color auto="1"/>
      </top>
      <bottom style="dotted">
        <color auto="1"/>
      </bottom>
      <diagonal/>
    </border>
    <border>
      <left style="dotted">
        <color auto="1"/>
      </left>
      <right style="dotted">
        <color auto="1"/>
      </right>
      <top style="dotted">
        <color auto="1"/>
      </top>
      <bottom style="medium">
        <color auto="1"/>
      </bottom>
      <diagonal/>
    </border>
    <border>
      <left style="thin">
        <color auto="1"/>
      </left>
      <right/>
      <top style="medium">
        <color auto="1"/>
      </top>
      <bottom style="thin">
        <color auto="1"/>
      </bottom>
      <diagonal/>
    </border>
    <border>
      <left style="thin">
        <color auto="1"/>
      </left>
      <right style="dotted">
        <color auto="1"/>
      </right>
      <top/>
      <bottom style="dotted">
        <color auto="1"/>
      </bottom>
      <diagonal/>
    </border>
    <border>
      <left/>
      <right/>
      <top style="dotted">
        <color auto="1"/>
      </top>
      <bottom/>
      <diagonal/>
    </border>
    <border>
      <left style="thin">
        <color indexed="64"/>
      </left>
      <right style="thin">
        <color indexed="64"/>
      </right>
      <top style="medium">
        <color indexed="64"/>
      </top>
      <bottom style="thin">
        <color indexed="64"/>
      </bottom>
      <diagonal/>
    </border>
    <border>
      <left style="thin">
        <color indexed="64"/>
      </left>
      <right style="thin">
        <color indexed="64"/>
      </right>
      <top style="thin">
        <color indexed="64"/>
      </top>
      <bottom style="medium">
        <color auto="1"/>
      </bottom>
      <diagonal/>
    </border>
    <border>
      <left style="thin">
        <color indexed="64"/>
      </left>
      <right style="medium">
        <color auto="1"/>
      </right>
      <top style="thin">
        <color indexed="64"/>
      </top>
      <bottom style="medium">
        <color auto="1"/>
      </bottom>
      <diagonal/>
    </border>
    <border>
      <left style="dotted">
        <color indexed="64"/>
      </left>
      <right style="dotted">
        <color auto="1"/>
      </right>
      <top style="medium">
        <color auto="1"/>
      </top>
      <bottom style="thin">
        <color indexed="64"/>
      </bottom>
      <diagonal/>
    </border>
    <border>
      <left style="medium">
        <color auto="1"/>
      </left>
      <right/>
      <top style="thin">
        <color auto="1"/>
      </top>
      <bottom style="thin">
        <color auto="1"/>
      </bottom>
      <diagonal/>
    </border>
    <border>
      <left style="dotted">
        <color auto="1"/>
      </left>
      <right style="dotted">
        <color auto="1"/>
      </right>
      <top style="thin">
        <color indexed="64"/>
      </top>
      <bottom style="thin">
        <color indexed="64"/>
      </bottom>
      <diagonal/>
    </border>
    <border>
      <left style="thin">
        <color auto="1"/>
      </left>
      <right style="thin">
        <color auto="1"/>
      </right>
      <top/>
      <bottom style="thin">
        <color auto="1"/>
      </bottom>
      <diagonal/>
    </border>
    <border>
      <left style="thin">
        <color indexed="64"/>
      </left>
      <right style="thin">
        <color indexed="64"/>
      </right>
      <top/>
      <bottom/>
      <diagonal/>
    </border>
    <border>
      <left/>
      <right style="medium">
        <color indexed="64"/>
      </right>
      <top style="thin">
        <color auto="1"/>
      </top>
      <bottom style="thin">
        <color auto="1"/>
      </bottom>
      <diagonal/>
    </border>
    <border>
      <left/>
      <right style="thin">
        <color auto="1"/>
      </right>
      <top/>
      <bottom style="thin">
        <color auto="1"/>
      </bottom>
      <diagonal/>
    </border>
    <border>
      <left/>
      <right style="thin">
        <color auto="1"/>
      </right>
      <top style="medium">
        <color auto="1"/>
      </top>
      <bottom style="thin">
        <color auto="1"/>
      </bottom>
      <diagonal/>
    </border>
    <border>
      <left style="dotted">
        <color auto="1"/>
      </left>
      <right style="medium">
        <color indexed="64"/>
      </right>
      <top/>
      <bottom style="medium">
        <color indexed="64"/>
      </bottom>
      <diagonal/>
    </border>
    <border>
      <left style="dotted">
        <color indexed="64"/>
      </left>
      <right/>
      <top/>
      <bottom style="thin">
        <color indexed="64"/>
      </bottom>
      <diagonal/>
    </border>
    <border>
      <left style="dotted">
        <color auto="1"/>
      </left>
      <right/>
      <top style="thin">
        <color indexed="64"/>
      </top>
      <bottom style="thin">
        <color indexed="64"/>
      </bottom>
      <diagonal/>
    </border>
    <border>
      <left style="dotted">
        <color auto="1"/>
      </left>
      <right style="dotted">
        <color auto="1"/>
      </right>
      <top/>
      <bottom style="medium">
        <color indexed="64"/>
      </bottom>
      <diagonal/>
    </border>
    <border>
      <left/>
      <right style="medium">
        <color indexed="64"/>
      </right>
      <top/>
      <bottom style="thin">
        <color auto="1"/>
      </bottom>
      <diagonal/>
    </border>
    <border>
      <left style="thin">
        <color indexed="64"/>
      </left>
      <right/>
      <top/>
      <bottom style="medium">
        <color indexed="64"/>
      </bottom>
      <diagonal/>
    </border>
    <border>
      <left style="dotted">
        <color auto="1"/>
      </left>
      <right style="medium">
        <color auto="1"/>
      </right>
      <top style="thin">
        <color indexed="64"/>
      </top>
      <bottom style="thin">
        <color indexed="64"/>
      </bottom>
      <diagonal/>
    </border>
    <border>
      <left style="medium">
        <color auto="1"/>
      </left>
      <right style="thin">
        <color auto="1"/>
      </right>
      <top style="thin">
        <color auto="1"/>
      </top>
      <bottom/>
      <diagonal/>
    </border>
    <border>
      <left style="thin">
        <color auto="1"/>
      </left>
      <right style="thin">
        <color auto="1"/>
      </right>
      <top style="thin">
        <color auto="1"/>
      </top>
      <bottom/>
      <diagonal/>
    </border>
    <border>
      <left style="dotted">
        <color auto="1"/>
      </left>
      <right style="medium">
        <color auto="1"/>
      </right>
      <top style="medium">
        <color auto="1"/>
      </top>
      <bottom style="thin">
        <color indexed="64"/>
      </bottom>
      <diagonal/>
    </border>
    <border>
      <left style="thin">
        <color auto="1"/>
      </left>
      <right/>
      <top/>
      <bottom style="thin">
        <color auto="1"/>
      </bottom>
      <diagonal/>
    </border>
    <border>
      <left style="thin">
        <color auto="1"/>
      </left>
      <right/>
      <top style="thin">
        <color auto="1"/>
      </top>
      <bottom style="medium">
        <color indexed="64"/>
      </bottom>
      <diagonal/>
    </border>
    <border>
      <left/>
      <right style="medium">
        <color indexed="64"/>
      </right>
      <top style="dotted">
        <color auto="1"/>
      </top>
      <bottom style="medium">
        <color auto="1"/>
      </bottom>
      <diagonal/>
    </border>
    <border>
      <left/>
      <right style="medium">
        <color indexed="64"/>
      </right>
      <top style="medium">
        <color auto="1"/>
      </top>
      <bottom style="thin">
        <color auto="1"/>
      </bottom>
      <diagonal/>
    </border>
    <border>
      <left/>
      <right style="medium">
        <color indexed="64"/>
      </right>
      <top style="thin">
        <color auto="1"/>
      </top>
      <bottom style="medium">
        <color indexed="64"/>
      </bottom>
      <diagonal/>
    </border>
    <border>
      <left style="thin">
        <color rgb="FFC00000"/>
      </left>
      <right style="thin">
        <color rgb="FFC00000"/>
      </right>
      <top style="thin">
        <color rgb="FFC00000"/>
      </top>
      <bottom style="thin">
        <color rgb="FFC00000"/>
      </bottom>
      <diagonal/>
    </border>
  </borders>
  <cellStyleXfs count="6">
    <xf numFmtId="0" fontId="0" fillId="0" borderId="0"/>
    <xf numFmtId="0" fontId="4" fillId="0" borderId="0"/>
    <xf numFmtId="0" fontId="4" fillId="0" borderId="0"/>
    <xf numFmtId="0" fontId="1" fillId="0" borderId="0"/>
    <xf numFmtId="0" fontId="4" fillId="0" borderId="0"/>
    <xf numFmtId="0" fontId="1" fillId="0" borderId="0"/>
  </cellStyleXfs>
  <cellXfs count="172">
    <xf numFmtId="0" fontId="0" fillId="0" borderId="0" xfId="0"/>
    <xf numFmtId="0" fontId="2" fillId="0" borderId="0" xfId="0" applyFont="1" applyAlignment="1">
      <alignment wrapText="1"/>
    </xf>
    <xf numFmtId="0" fontId="2" fillId="0" borderId="0" xfId="0" applyFont="1" applyAlignment="1">
      <alignment vertical="center" wrapText="1"/>
    </xf>
    <xf numFmtId="0" fontId="2" fillId="0" borderId="0" xfId="0" applyFont="1" applyAlignment="1">
      <alignment vertical="top" wrapText="1"/>
    </xf>
    <xf numFmtId="0" fontId="2" fillId="0" borderId="0" xfId="0" applyFont="1" applyAlignment="1">
      <alignment vertical="center"/>
    </xf>
    <xf numFmtId="49" fontId="5" fillId="0" borderId="0" xfId="1" applyNumberFormat="1" applyFont="1" applyBorder="1" applyAlignment="1">
      <alignment horizontal="left" vertical="top" wrapText="1"/>
    </xf>
    <xf numFmtId="0" fontId="2" fillId="0" borderId="0" xfId="0" applyFont="1" applyAlignment="1">
      <alignment horizontal="center" vertical="center" wrapText="1"/>
    </xf>
    <xf numFmtId="49" fontId="5" fillId="0" borderId="0" xfId="1" applyNumberFormat="1" applyFont="1" applyBorder="1" applyAlignment="1">
      <alignment horizontal="center" vertical="top" wrapText="1"/>
    </xf>
    <xf numFmtId="0" fontId="2" fillId="0" borderId="0" xfId="0" applyFont="1" applyAlignment="1">
      <alignment horizontal="center" wrapText="1"/>
    </xf>
    <xf numFmtId="0" fontId="2" fillId="0" borderId="0" xfId="0" applyFont="1" applyFill="1" applyAlignment="1">
      <alignment vertical="center" wrapText="1"/>
    </xf>
    <xf numFmtId="0" fontId="2" fillId="0" borderId="0" xfId="0" applyFont="1" applyFill="1" applyAlignment="1">
      <alignment wrapText="1"/>
    </xf>
    <xf numFmtId="49" fontId="7" fillId="0" borderId="0" xfId="5" applyNumberFormat="1" applyFont="1" applyAlignment="1">
      <alignment wrapText="1"/>
    </xf>
    <xf numFmtId="0" fontId="7" fillId="0" borderId="0" xfId="5" applyFont="1" applyAlignment="1">
      <alignment wrapText="1"/>
    </xf>
    <xf numFmtId="49" fontId="2" fillId="0" borderId="8" xfId="0" applyNumberFormat="1" applyFont="1" applyFill="1" applyBorder="1" applyAlignment="1">
      <alignment horizontal="left" vertical="center" wrapText="1"/>
    </xf>
    <xf numFmtId="0" fontId="2" fillId="0" borderId="0" xfId="0" applyFont="1" applyFill="1" applyAlignment="1">
      <alignment horizontal="left" vertical="center" wrapText="1"/>
    </xf>
    <xf numFmtId="49" fontId="3" fillId="0" borderId="0" xfId="0" applyNumberFormat="1" applyFont="1" applyFill="1" applyAlignment="1">
      <alignment horizontal="left" vertical="center" wrapText="1"/>
    </xf>
    <xf numFmtId="16" fontId="5" fillId="0" borderId="0" xfId="0" applyNumberFormat="1" applyFont="1" applyFill="1" applyAlignment="1">
      <alignment horizontal="left" wrapText="1"/>
    </xf>
    <xf numFmtId="0" fontId="2" fillId="0" borderId="0" xfId="0" applyFont="1" applyAlignment="1">
      <alignment horizontal="left" vertical="center" wrapText="1"/>
    </xf>
    <xf numFmtId="0" fontId="2" fillId="0" borderId="12" xfId="0" applyFont="1" applyBorder="1" applyAlignment="1">
      <alignment vertical="center" wrapText="1"/>
    </xf>
    <xf numFmtId="0" fontId="2" fillId="0" borderId="12" xfId="0" applyFont="1" applyFill="1" applyBorder="1" applyAlignment="1">
      <alignment horizontal="center" vertical="center" wrapText="1"/>
    </xf>
    <xf numFmtId="0" fontId="2" fillId="3" borderId="12" xfId="0" applyFont="1" applyFill="1" applyBorder="1" applyAlignment="1">
      <alignment horizontal="left" vertical="top" wrapText="1"/>
    </xf>
    <xf numFmtId="0" fontId="2" fillId="3" borderId="12" xfId="0" applyFont="1" applyFill="1" applyBorder="1" applyAlignment="1">
      <alignment horizontal="center" vertical="top" wrapText="1"/>
    </xf>
    <xf numFmtId="0" fontId="10" fillId="0" borderId="0" xfId="0" applyFont="1" applyAlignment="1">
      <alignment horizontal="center" vertical="top" wrapText="1"/>
    </xf>
    <xf numFmtId="0" fontId="10" fillId="0" borderId="0" xfId="0" applyFont="1" applyAlignment="1">
      <alignment horizontal="left" vertical="top" wrapText="1"/>
    </xf>
    <xf numFmtId="16" fontId="9" fillId="0" borderId="0" xfId="0" applyNumberFormat="1" applyFont="1" applyFill="1" applyAlignment="1">
      <alignment wrapText="1"/>
    </xf>
    <xf numFmtId="49" fontId="2" fillId="2" borderId="18" xfId="0" applyNumberFormat="1" applyFont="1" applyFill="1" applyBorder="1" applyAlignment="1">
      <alignment horizontal="center" vertical="center" wrapText="1"/>
    </xf>
    <xf numFmtId="0" fontId="3" fillId="0" borderId="0" xfId="0" applyFont="1" applyAlignment="1">
      <alignment vertical="center"/>
    </xf>
    <xf numFmtId="49" fontId="5" fillId="0" borderId="0" xfId="1" applyNumberFormat="1" applyFont="1" applyBorder="1" applyAlignment="1">
      <alignment horizontal="left" vertical="center" wrapText="1"/>
    </xf>
    <xf numFmtId="0" fontId="4" fillId="0" borderId="12" xfId="0" applyFont="1" applyFill="1" applyBorder="1" applyAlignment="1">
      <alignment horizontal="left" vertical="center" wrapText="1"/>
    </xf>
    <xf numFmtId="0" fontId="7" fillId="0" borderId="0" xfId="5" applyFont="1" applyAlignment="1">
      <alignment horizontal="right" vertical="center" wrapText="1"/>
    </xf>
    <xf numFmtId="0" fontId="10" fillId="0" borderId="0" xfId="0" applyFont="1" applyAlignment="1">
      <alignment vertical="center" wrapText="1"/>
    </xf>
    <xf numFmtId="49" fontId="2" fillId="0" borderId="0" xfId="0" applyNumberFormat="1" applyFont="1" applyFill="1" applyAlignment="1">
      <alignment vertical="center" wrapText="1"/>
    </xf>
    <xf numFmtId="49" fontId="2" fillId="0" borderId="0" xfId="0" applyNumberFormat="1" applyFont="1" applyFill="1" applyAlignment="1">
      <alignment vertical="top" wrapText="1"/>
    </xf>
    <xf numFmtId="0" fontId="7" fillId="0" borderId="0" xfId="0" applyFont="1" applyAlignment="1">
      <alignment horizontal="right" wrapText="1"/>
    </xf>
    <xf numFmtId="0" fontId="7" fillId="0" borderId="0" xfId="0" applyFont="1" applyAlignment="1">
      <alignment horizontal="right"/>
    </xf>
    <xf numFmtId="0" fontId="7" fillId="0" borderId="0" xfId="0" applyFont="1" applyAlignment="1">
      <alignment wrapText="1"/>
    </xf>
    <xf numFmtId="0" fontId="12" fillId="0" borderId="24" xfId="0" applyFont="1" applyBorder="1" applyAlignment="1">
      <alignment wrapText="1"/>
    </xf>
    <xf numFmtId="0" fontId="7" fillId="0" borderId="0" xfId="0" applyFont="1" applyAlignment="1">
      <alignment horizontal="right" vertical="center"/>
    </xf>
    <xf numFmtId="0" fontId="7" fillId="0" borderId="0" xfId="0" applyFont="1" applyAlignment="1">
      <alignment horizontal="right" vertical="center" wrapText="1"/>
    </xf>
    <xf numFmtId="0" fontId="2" fillId="0" borderId="0" xfId="0" applyFont="1" applyFill="1" applyAlignment="1">
      <alignment horizontal="center" vertical="center" wrapText="1"/>
    </xf>
    <xf numFmtId="0" fontId="4" fillId="0" borderId="0" xfId="0" applyNumberFormat="1" applyFont="1" applyAlignment="1">
      <alignment horizontal="left" vertical="top" wrapText="1"/>
    </xf>
    <xf numFmtId="0" fontId="7" fillId="0" borderId="20" xfId="0" applyNumberFormat="1" applyFont="1" applyBorder="1" applyAlignment="1">
      <alignment horizontal="center" vertical="center" wrapText="1"/>
    </xf>
    <xf numFmtId="0" fontId="7" fillId="0" borderId="18" xfId="0" applyNumberFormat="1" applyFont="1" applyBorder="1" applyAlignment="1">
      <alignment horizontal="center" vertical="center" wrapText="1"/>
    </xf>
    <xf numFmtId="0" fontId="7" fillId="0" borderId="23" xfId="0" applyNumberFormat="1" applyFont="1" applyBorder="1" applyAlignment="1">
      <alignment horizontal="center" vertical="center" wrapText="1"/>
    </xf>
    <xf numFmtId="0" fontId="7" fillId="2" borderId="12" xfId="5" applyFont="1" applyFill="1" applyBorder="1" applyAlignment="1">
      <alignment horizontal="right" vertical="center" wrapText="1"/>
    </xf>
    <xf numFmtId="0" fontId="7" fillId="0" borderId="25" xfId="0" applyNumberFormat="1" applyFont="1" applyBorder="1" applyAlignment="1">
      <alignment horizontal="center" vertical="center" wrapText="1"/>
    </xf>
    <xf numFmtId="0" fontId="7" fillId="0" borderId="12" xfId="0" applyNumberFormat="1" applyFont="1" applyBorder="1" applyAlignment="1">
      <alignment horizontal="center" vertical="center" wrapText="1"/>
    </xf>
    <xf numFmtId="49" fontId="2" fillId="0" borderId="8" xfId="0" applyNumberFormat="1" applyFont="1" applyBorder="1" applyAlignment="1">
      <alignment horizontal="left" vertical="center"/>
    </xf>
    <xf numFmtId="49" fontId="2" fillId="0" borderId="13" xfId="0" applyNumberFormat="1" applyFont="1" applyFill="1" applyBorder="1" applyAlignment="1">
      <alignment horizontal="left" vertical="center" wrapText="1"/>
    </xf>
    <xf numFmtId="49" fontId="5" fillId="5" borderId="15" xfId="0" applyNumberFormat="1" applyFont="1" applyFill="1" applyBorder="1" applyAlignment="1">
      <alignment vertical="center" wrapText="1"/>
    </xf>
    <xf numFmtId="49" fontId="5" fillId="5" borderId="22" xfId="0" applyNumberFormat="1" applyFont="1" applyFill="1" applyBorder="1" applyAlignment="1">
      <alignment vertical="center" wrapText="1"/>
    </xf>
    <xf numFmtId="0" fontId="4" fillId="6" borderId="12" xfId="0" applyFont="1" applyFill="1" applyBorder="1" applyAlignment="1">
      <alignment vertical="center" wrapText="1"/>
    </xf>
    <xf numFmtId="0" fontId="4" fillId="0" borderId="12" xfId="0" applyFont="1" applyBorder="1" applyAlignment="1">
      <alignment vertical="center"/>
    </xf>
    <xf numFmtId="0" fontId="7" fillId="0" borderId="0" xfId="0" applyFont="1" applyAlignment="1">
      <alignment horizontal="right" vertical="top" wrapText="1"/>
    </xf>
    <xf numFmtId="0" fontId="11" fillId="0" borderId="0" xfId="0" applyNumberFormat="1" applyFont="1" applyBorder="1" applyAlignment="1">
      <alignment horizontal="left" vertical="center" wrapText="1"/>
    </xf>
    <xf numFmtId="0" fontId="7" fillId="0" borderId="0" xfId="0" applyNumberFormat="1" applyFont="1" applyBorder="1" applyAlignment="1">
      <alignment horizontal="left" vertical="center" wrapText="1"/>
    </xf>
    <xf numFmtId="0" fontId="4" fillId="0" borderId="5" xfId="0" applyFont="1" applyBorder="1" applyAlignment="1">
      <alignment horizontal="left" vertical="center" wrapText="1"/>
    </xf>
    <xf numFmtId="0" fontId="4" fillId="0" borderId="6" xfId="0" applyFont="1" applyBorder="1" applyAlignment="1">
      <alignment horizontal="left" vertical="center" wrapText="1"/>
    </xf>
    <xf numFmtId="0" fontId="11" fillId="0" borderId="0" xfId="0" applyNumberFormat="1" applyFont="1" applyBorder="1" applyAlignment="1">
      <alignment horizontal="left" wrapText="1"/>
    </xf>
    <xf numFmtId="14" fontId="11" fillId="0" borderId="0" xfId="0" applyNumberFormat="1" applyFont="1" applyBorder="1" applyAlignment="1">
      <alignment horizontal="left" vertical="top" wrapText="1"/>
    </xf>
    <xf numFmtId="49" fontId="2" fillId="0" borderId="29" xfId="0" applyNumberFormat="1" applyFont="1" applyBorder="1" applyAlignment="1">
      <alignment vertical="center"/>
    </xf>
    <xf numFmtId="0" fontId="7" fillId="0" borderId="31" xfId="0" applyNumberFormat="1" applyFont="1" applyBorder="1" applyAlignment="1">
      <alignment horizontal="center" vertical="center" wrapText="1"/>
    </xf>
    <xf numFmtId="0" fontId="4" fillId="0" borderId="26" xfId="0" applyFont="1" applyFill="1" applyBorder="1" applyAlignment="1">
      <alignment horizontal="left" vertical="center" wrapText="1"/>
    </xf>
    <xf numFmtId="3" fontId="4" fillId="0" borderId="12" xfId="0" applyNumberFormat="1" applyFont="1" applyFill="1" applyBorder="1" applyAlignment="1">
      <alignment horizontal="center" vertical="center" wrapText="1"/>
    </xf>
    <xf numFmtId="0" fontId="4" fillId="0" borderId="5" xfId="0" applyFont="1" applyBorder="1" applyAlignment="1">
      <alignment vertical="center"/>
    </xf>
    <xf numFmtId="0" fontId="4" fillId="0" borderId="12" xfId="0" applyFont="1" applyFill="1" applyBorder="1" applyAlignment="1">
      <alignment vertical="center" wrapText="1"/>
    </xf>
    <xf numFmtId="0" fontId="4" fillId="0" borderId="5" xfId="0" applyFont="1" applyBorder="1" applyAlignment="1">
      <alignment horizontal="left" vertical="center" wrapText="1"/>
    </xf>
    <xf numFmtId="0" fontId="4" fillId="0" borderId="6" xfId="0" applyFont="1" applyBorder="1" applyAlignment="1">
      <alignment horizontal="left" vertical="center" wrapText="1"/>
    </xf>
    <xf numFmtId="0" fontId="2" fillId="0" borderId="12" xfId="0" applyFont="1" applyFill="1" applyBorder="1" applyAlignment="1">
      <alignment horizontal="left" vertical="center" wrapText="1"/>
    </xf>
    <xf numFmtId="0" fontId="4" fillId="0" borderId="12" xfId="0" applyFont="1" applyBorder="1" applyAlignment="1">
      <alignment vertical="center" wrapText="1"/>
    </xf>
    <xf numFmtId="49" fontId="2" fillId="0" borderId="43" xfId="0" applyNumberFormat="1" applyFont="1" applyFill="1" applyBorder="1" applyAlignment="1">
      <alignment horizontal="left" vertical="center" wrapText="1"/>
    </xf>
    <xf numFmtId="0" fontId="4" fillId="0" borderId="44" xfId="0" applyFont="1" applyFill="1" applyBorder="1" applyAlignment="1">
      <alignment horizontal="left" vertical="center" wrapText="1"/>
    </xf>
    <xf numFmtId="0" fontId="4" fillId="0" borderId="32" xfId="0" applyFont="1" applyFill="1" applyBorder="1" applyAlignment="1">
      <alignment horizontal="left" vertical="center" wrapText="1"/>
    </xf>
    <xf numFmtId="49" fontId="2" fillId="0" borderId="8" xfId="0" applyNumberFormat="1" applyFont="1" applyFill="1" applyBorder="1" applyAlignment="1">
      <alignment horizontal="center" vertical="center" wrapText="1"/>
    </xf>
    <xf numFmtId="0" fontId="2" fillId="0" borderId="33" xfId="0" applyFont="1" applyFill="1" applyBorder="1" applyAlignment="1">
      <alignment horizontal="center" vertical="center"/>
    </xf>
    <xf numFmtId="0" fontId="2" fillId="0" borderId="38" xfId="0" applyFont="1" applyFill="1" applyBorder="1" applyAlignment="1">
      <alignment horizontal="center" vertical="center"/>
    </xf>
    <xf numFmtId="49" fontId="2" fillId="0" borderId="34" xfId="0" applyNumberFormat="1" applyFont="1" applyFill="1" applyBorder="1" applyAlignment="1">
      <alignment horizontal="left" vertical="top" wrapText="1"/>
    </xf>
    <xf numFmtId="0" fontId="2" fillId="0" borderId="37" xfId="0" applyFont="1" applyFill="1" applyBorder="1" applyAlignment="1">
      <alignment horizontal="left" vertical="center" wrapText="1"/>
    </xf>
    <xf numFmtId="0" fontId="2" fillId="0" borderId="40" xfId="0" applyFont="1" applyFill="1" applyBorder="1" applyAlignment="1">
      <alignment horizontal="left" vertical="center" wrapText="1"/>
    </xf>
    <xf numFmtId="49" fontId="2" fillId="0" borderId="13" xfId="0" applyNumberFormat="1" applyFont="1" applyFill="1" applyBorder="1" applyAlignment="1">
      <alignment horizontal="center" vertical="center" wrapText="1"/>
    </xf>
    <xf numFmtId="0" fontId="2" fillId="0" borderId="41" xfId="0" applyFont="1" applyFill="1" applyBorder="1" applyAlignment="1">
      <alignment horizontal="left" vertical="top" wrapText="1"/>
    </xf>
    <xf numFmtId="0" fontId="2" fillId="0" borderId="12" xfId="0" applyFont="1" applyFill="1" applyBorder="1" applyAlignment="1">
      <alignment horizontal="left" vertical="top" wrapText="1"/>
    </xf>
    <xf numFmtId="49" fontId="2" fillId="0" borderId="5" xfId="0" applyNumberFormat="1" applyFont="1" applyBorder="1" applyAlignment="1">
      <alignment horizontal="left" vertical="center" wrapText="1"/>
    </xf>
    <xf numFmtId="0" fontId="2" fillId="0" borderId="0" xfId="0" applyFont="1" applyFill="1" applyAlignment="1">
      <alignment horizontal="center" vertical="top" wrapText="1"/>
    </xf>
    <xf numFmtId="0" fontId="4" fillId="6" borderId="5" xfId="0" applyFont="1" applyFill="1" applyBorder="1" applyAlignment="1">
      <alignment horizontal="left" vertical="center" wrapText="1"/>
    </xf>
    <xf numFmtId="0" fontId="4" fillId="0" borderId="46" xfId="0" applyFont="1" applyBorder="1" applyAlignment="1">
      <alignment horizontal="left" vertical="center" wrapText="1"/>
    </xf>
    <xf numFmtId="0" fontId="4" fillId="0" borderId="26" xfId="0" applyFont="1" applyFill="1" applyBorder="1" applyAlignment="1">
      <alignment vertical="center" wrapText="1"/>
    </xf>
    <xf numFmtId="0" fontId="7" fillId="0" borderId="26" xfId="0" applyNumberFormat="1" applyFont="1" applyBorder="1" applyAlignment="1">
      <alignment horizontal="center" vertical="center" wrapText="1"/>
    </xf>
    <xf numFmtId="49" fontId="2" fillId="0" borderId="47" xfId="0" applyNumberFormat="1" applyFont="1" applyBorder="1" applyAlignment="1">
      <alignment horizontal="left" vertical="center" wrapText="1"/>
    </xf>
    <xf numFmtId="49" fontId="5" fillId="5" borderId="49" xfId="0" applyNumberFormat="1" applyFont="1" applyFill="1" applyBorder="1" applyAlignment="1">
      <alignment vertical="center" wrapText="1"/>
    </xf>
    <xf numFmtId="49" fontId="2" fillId="0" borderId="33" xfId="0" applyNumberFormat="1" applyFont="1" applyBorder="1" applyAlignment="1">
      <alignment horizontal="left" vertical="center" wrapText="1"/>
    </xf>
    <xf numFmtId="49" fontId="2" fillId="0" borderId="50" xfId="0" applyNumberFormat="1" applyFont="1" applyBorder="1" applyAlignment="1">
      <alignment horizontal="left" vertical="center" wrapText="1"/>
    </xf>
    <xf numFmtId="3" fontId="4" fillId="6" borderId="12" xfId="0" applyNumberFormat="1" applyFont="1" applyFill="1" applyBorder="1" applyAlignment="1">
      <alignment horizontal="center" vertical="center" wrapText="1"/>
    </xf>
    <xf numFmtId="0" fontId="2" fillId="0" borderId="6" xfId="0" applyFont="1" applyBorder="1" applyAlignment="1">
      <alignment horizontal="justify" vertical="center" wrapText="1"/>
    </xf>
    <xf numFmtId="0" fontId="4" fillId="6" borderId="12" xfId="0" applyFont="1" applyFill="1" applyBorder="1" applyAlignment="1">
      <alignment horizontal="left" vertical="center" wrapText="1"/>
    </xf>
    <xf numFmtId="49" fontId="2" fillId="0" borderId="13" xfId="0" applyNumberFormat="1" applyFont="1" applyBorder="1" applyAlignment="1">
      <alignment vertical="center"/>
    </xf>
    <xf numFmtId="49" fontId="2" fillId="0" borderId="5" xfId="0" applyNumberFormat="1" applyFont="1" applyBorder="1" applyAlignment="1">
      <alignment horizontal="left" vertical="center" wrapText="1"/>
    </xf>
    <xf numFmtId="49" fontId="2" fillId="0" borderId="33" xfId="0" applyNumberFormat="1" applyFont="1" applyBorder="1" applyAlignment="1">
      <alignment horizontal="left" vertical="center" wrapText="1"/>
    </xf>
    <xf numFmtId="0" fontId="4" fillId="6" borderId="0" xfId="0" applyNumberFormat="1" applyFont="1" applyFill="1" applyAlignment="1">
      <alignment horizontal="left" vertical="top" wrapText="1"/>
    </xf>
    <xf numFmtId="16" fontId="5" fillId="6" borderId="0" xfId="0" applyNumberFormat="1" applyFont="1" applyFill="1" applyAlignment="1">
      <alignment vertical="top" wrapText="1"/>
    </xf>
    <xf numFmtId="16" fontId="5" fillId="6" borderId="0" xfId="0" applyNumberFormat="1" applyFont="1" applyFill="1" applyAlignment="1">
      <alignment wrapText="1"/>
    </xf>
    <xf numFmtId="0" fontId="2" fillId="5" borderId="51" xfId="0" applyFont="1" applyFill="1" applyBorder="1" applyAlignment="1">
      <alignment vertical="center" wrapText="1"/>
    </xf>
    <xf numFmtId="0" fontId="7" fillId="0" borderId="0" xfId="0" applyFont="1" applyAlignment="1">
      <alignment vertical="center" wrapText="1"/>
    </xf>
    <xf numFmtId="49" fontId="5" fillId="5" borderId="11" xfId="0" applyNumberFormat="1" applyFont="1" applyFill="1" applyBorder="1" applyAlignment="1">
      <alignment horizontal="left" vertical="center" wrapText="1"/>
    </xf>
    <xf numFmtId="49" fontId="5" fillId="5" borderId="15" xfId="0" applyNumberFormat="1" applyFont="1" applyFill="1" applyBorder="1" applyAlignment="1">
      <alignment horizontal="left" vertical="center" wrapText="1"/>
    </xf>
    <xf numFmtId="0" fontId="2" fillId="0" borderId="12" xfId="0" applyFont="1" applyFill="1" applyBorder="1" applyAlignment="1">
      <alignment horizontal="left" vertical="center" wrapText="1"/>
    </xf>
    <xf numFmtId="0" fontId="2" fillId="0" borderId="10" xfId="0" applyFont="1" applyFill="1" applyBorder="1" applyAlignment="1">
      <alignment horizontal="left" vertical="center" wrapText="1"/>
    </xf>
    <xf numFmtId="49" fontId="2" fillId="2" borderId="21" xfId="0" applyNumberFormat="1" applyFont="1" applyFill="1" applyBorder="1" applyAlignment="1">
      <alignment horizontal="center" vertical="center" wrapText="1"/>
    </xf>
    <xf numFmtId="49" fontId="2" fillId="2" borderId="4" xfId="0" applyNumberFormat="1" applyFont="1" applyFill="1" applyBorder="1" applyAlignment="1">
      <alignment horizontal="center" vertical="center" wrapText="1"/>
    </xf>
    <xf numFmtId="49" fontId="2" fillId="0" borderId="12" xfId="0" applyNumberFormat="1" applyFont="1" applyBorder="1" applyAlignment="1">
      <alignment horizontal="left" vertical="center" wrapText="1"/>
    </xf>
    <xf numFmtId="49" fontId="2" fillId="0" borderId="10" xfId="0" applyNumberFormat="1" applyFont="1" applyBorder="1" applyAlignment="1">
      <alignment horizontal="left" vertical="center" wrapText="1"/>
    </xf>
    <xf numFmtId="49" fontId="3" fillId="0" borderId="0" xfId="0" applyNumberFormat="1" applyFont="1" applyFill="1" applyAlignment="1">
      <alignment horizontal="center" vertical="center" wrapText="1"/>
    </xf>
    <xf numFmtId="49" fontId="2" fillId="0" borderId="5" xfId="0" applyNumberFormat="1" applyFont="1" applyBorder="1" applyAlignment="1">
      <alignment horizontal="left" vertical="center" wrapText="1"/>
    </xf>
    <xf numFmtId="49" fontId="2" fillId="0" borderId="33" xfId="0" applyNumberFormat="1" applyFont="1" applyBorder="1" applyAlignment="1">
      <alignment horizontal="left" vertical="center" wrapText="1"/>
    </xf>
    <xf numFmtId="49" fontId="5" fillId="5" borderId="35" xfId="0" applyNumberFormat="1" applyFont="1" applyFill="1" applyBorder="1" applyAlignment="1">
      <alignment horizontal="left" vertical="center" wrapText="1"/>
    </xf>
    <xf numFmtId="0" fontId="2" fillId="0" borderId="0" xfId="0" applyFont="1" applyFill="1" applyAlignment="1">
      <alignment horizontal="center" vertical="top" wrapText="1"/>
    </xf>
    <xf numFmtId="16" fontId="3" fillId="0" borderId="0" xfId="0" applyNumberFormat="1" applyFont="1" applyFill="1" applyAlignment="1">
      <alignment horizontal="left" vertical="top" wrapText="1"/>
    </xf>
    <xf numFmtId="0" fontId="5" fillId="0" borderId="0" xfId="0" applyNumberFormat="1" applyFont="1" applyAlignment="1">
      <alignment horizontal="left" vertical="top" wrapText="1"/>
    </xf>
    <xf numFmtId="16" fontId="5" fillId="0" borderId="0" xfId="0" applyNumberFormat="1" applyFont="1" applyFill="1" applyAlignment="1">
      <alignment horizontal="left" vertical="top" wrapText="1"/>
    </xf>
    <xf numFmtId="0" fontId="4" fillId="6" borderId="0" xfId="0" applyFont="1" applyFill="1" applyAlignment="1">
      <alignment horizontal="left" vertical="top" wrapText="1"/>
    </xf>
    <xf numFmtId="49" fontId="3" fillId="2" borderId="1" xfId="0" applyNumberFormat="1" applyFont="1" applyFill="1" applyBorder="1" applyAlignment="1">
      <alignment horizontal="left" vertical="top" wrapText="1"/>
    </xf>
    <xf numFmtId="49" fontId="3" fillId="2" borderId="16" xfId="0" applyNumberFormat="1" applyFont="1" applyFill="1" applyBorder="1" applyAlignment="1">
      <alignment horizontal="left" vertical="top" wrapText="1"/>
    </xf>
    <xf numFmtId="49" fontId="3" fillId="2" borderId="14" xfId="0" applyNumberFormat="1" applyFont="1" applyFill="1" applyBorder="1" applyAlignment="1">
      <alignment horizontal="left" vertical="top" wrapText="1"/>
    </xf>
    <xf numFmtId="49" fontId="3" fillId="2" borderId="3" xfId="0" applyNumberFormat="1" applyFont="1" applyFill="1" applyBorder="1" applyAlignment="1">
      <alignment horizontal="left" vertical="top" wrapText="1"/>
    </xf>
    <xf numFmtId="0" fontId="3" fillId="2" borderId="17" xfId="0" applyFont="1" applyFill="1" applyBorder="1" applyAlignment="1">
      <alignment horizontal="center" vertical="top" wrapText="1"/>
    </xf>
    <xf numFmtId="0" fontId="3" fillId="2" borderId="16" xfId="0" applyFont="1" applyFill="1" applyBorder="1" applyAlignment="1">
      <alignment horizontal="center" vertical="top" wrapText="1"/>
    </xf>
    <xf numFmtId="0" fontId="3" fillId="2" borderId="2" xfId="0" applyFont="1" applyFill="1" applyBorder="1" applyAlignment="1">
      <alignment horizontal="center" vertical="top" wrapText="1"/>
    </xf>
    <xf numFmtId="49" fontId="2" fillId="2" borderId="19" xfId="0" applyNumberFormat="1" applyFont="1" applyFill="1" applyBorder="1" applyAlignment="1">
      <alignment horizontal="center" vertical="center" wrapText="1"/>
    </xf>
    <xf numFmtId="49" fontId="2" fillId="2" borderId="48" xfId="0" applyNumberFormat="1" applyFont="1" applyFill="1" applyBorder="1" applyAlignment="1">
      <alignment horizontal="center" vertical="center" wrapText="1"/>
    </xf>
    <xf numFmtId="49" fontId="3" fillId="0" borderId="0" xfId="0" applyNumberFormat="1" applyFont="1" applyFill="1" applyAlignment="1">
      <alignment horizontal="left" vertical="center" wrapText="1"/>
    </xf>
    <xf numFmtId="0" fontId="2" fillId="3" borderId="5" xfId="0" applyFont="1" applyFill="1" applyBorder="1" applyAlignment="1">
      <alignment horizontal="left" vertical="top" wrapText="1"/>
    </xf>
    <xf numFmtId="0" fontId="2" fillId="3" borderId="6" xfId="0" applyFont="1" applyFill="1" applyBorder="1" applyAlignment="1">
      <alignment horizontal="left" vertical="top" wrapText="1"/>
    </xf>
    <xf numFmtId="0" fontId="3" fillId="0" borderId="0" xfId="0" applyFont="1" applyFill="1" applyAlignment="1">
      <alignment horizontal="left" vertical="center" wrapText="1"/>
    </xf>
    <xf numFmtId="0" fontId="8" fillId="0" borderId="0" xfId="0" applyFont="1" applyFill="1" applyAlignment="1">
      <alignment horizontal="left" vertical="center" wrapText="1"/>
    </xf>
    <xf numFmtId="0" fontId="4" fillId="0" borderId="0" xfId="0" applyFont="1" applyAlignment="1">
      <alignment horizontal="left" vertical="top" wrapText="1"/>
    </xf>
    <xf numFmtId="0" fontId="2" fillId="0" borderId="0" xfId="0" applyFont="1" applyAlignment="1">
      <alignment horizontal="left" wrapText="1"/>
    </xf>
    <xf numFmtId="0" fontId="4" fillId="0" borderId="0" xfId="0" applyFont="1" applyFill="1" applyAlignment="1">
      <alignment horizontal="left" vertical="top" wrapText="1"/>
    </xf>
    <xf numFmtId="0" fontId="2" fillId="0" borderId="28" xfId="0" applyFont="1" applyFill="1" applyBorder="1" applyAlignment="1">
      <alignment horizontal="left" vertical="center" wrapText="1"/>
    </xf>
    <xf numFmtId="0" fontId="2" fillId="0" borderId="45" xfId="0" applyFont="1" applyFill="1" applyBorder="1" applyAlignment="1">
      <alignment horizontal="left" vertical="center" wrapText="1"/>
    </xf>
    <xf numFmtId="0" fontId="2" fillId="0" borderId="30" xfId="0" applyFont="1" applyFill="1" applyBorder="1" applyAlignment="1">
      <alignment horizontal="left" vertical="center" wrapText="1"/>
    </xf>
    <xf numFmtId="0" fontId="2" fillId="0" borderId="42" xfId="0" applyFont="1" applyFill="1" applyBorder="1" applyAlignment="1">
      <alignment horizontal="left" vertical="center" wrapText="1"/>
    </xf>
    <xf numFmtId="0" fontId="2" fillId="0" borderId="5" xfId="0" applyFont="1" applyFill="1" applyBorder="1" applyAlignment="1">
      <alignment horizontal="left" vertical="center" wrapText="1"/>
    </xf>
    <xf numFmtId="0" fontId="2" fillId="0" borderId="33" xfId="0" applyFont="1" applyFill="1" applyBorder="1" applyAlignment="1">
      <alignment horizontal="left" vertical="center" wrapText="1"/>
    </xf>
    <xf numFmtId="0" fontId="3" fillId="0" borderId="0" xfId="0" applyFont="1" applyAlignment="1">
      <alignment horizontal="center"/>
    </xf>
    <xf numFmtId="0" fontId="3" fillId="6" borderId="0" xfId="0" applyFont="1" applyFill="1" applyAlignment="1">
      <alignment horizontal="left" vertical="center" wrapText="1"/>
    </xf>
    <xf numFmtId="0" fontId="8" fillId="6" borderId="0" xfId="0" applyFont="1" applyFill="1" applyAlignment="1">
      <alignment horizontal="left" vertical="center" wrapText="1"/>
    </xf>
    <xf numFmtId="0" fontId="2" fillId="0" borderId="0" xfId="0" applyFont="1" applyAlignment="1">
      <alignment horizontal="center" vertical="center" wrapText="1"/>
    </xf>
    <xf numFmtId="0" fontId="4" fillId="0" borderId="5" xfId="0" applyFont="1" applyBorder="1" applyAlignment="1">
      <alignment horizontal="left" vertical="center" wrapText="1"/>
    </xf>
    <xf numFmtId="0" fontId="4" fillId="0" borderId="6" xfId="0" applyFont="1" applyBorder="1" applyAlignment="1">
      <alignment horizontal="left" vertical="center" wrapText="1"/>
    </xf>
    <xf numFmtId="0" fontId="11" fillId="0" borderId="0" xfId="0" applyNumberFormat="1" applyFont="1" applyBorder="1" applyAlignment="1">
      <alignment horizontal="left" vertical="center" wrapText="1"/>
    </xf>
    <xf numFmtId="0" fontId="7" fillId="0" borderId="0" xfId="0" applyNumberFormat="1" applyFont="1" applyBorder="1" applyAlignment="1">
      <alignment horizontal="left" vertical="center" wrapText="1"/>
    </xf>
    <xf numFmtId="0" fontId="7" fillId="0" borderId="0" xfId="5" applyFont="1" applyAlignment="1">
      <alignment horizontal="center" vertical="top" wrapText="1"/>
    </xf>
    <xf numFmtId="0" fontId="2" fillId="0" borderId="26" xfId="0" applyFont="1" applyFill="1" applyBorder="1" applyAlignment="1">
      <alignment horizontal="left" vertical="center" wrapText="1"/>
    </xf>
    <xf numFmtId="0" fontId="2" fillId="0" borderId="27" xfId="0" applyFont="1" applyFill="1" applyBorder="1" applyAlignment="1">
      <alignment horizontal="left" vertical="center" wrapText="1"/>
    </xf>
    <xf numFmtId="0" fontId="11" fillId="0" borderId="0" xfId="5" applyFont="1" applyAlignment="1">
      <alignment horizontal="center" vertical="center" wrapText="1"/>
    </xf>
    <xf numFmtId="49" fontId="4" fillId="0" borderId="0" xfId="1" applyNumberFormat="1" applyFont="1" applyBorder="1" applyAlignment="1">
      <alignment horizontal="left" vertical="top" wrapText="1"/>
    </xf>
    <xf numFmtId="0" fontId="6" fillId="0" borderId="0" xfId="4" applyFont="1" applyAlignment="1">
      <alignment horizontal="left" vertical="center" wrapText="1"/>
    </xf>
    <xf numFmtId="0" fontId="2" fillId="0" borderId="5" xfId="0" applyFont="1" applyFill="1" applyBorder="1" applyAlignment="1">
      <alignment horizontal="center" vertical="center" wrapText="1"/>
    </xf>
    <xf numFmtId="0" fontId="2" fillId="0" borderId="33" xfId="0" applyFont="1" applyFill="1" applyBorder="1" applyAlignment="1">
      <alignment horizontal="center" vertical="center" wrapText="1"/>
    </xf>
    <xf numFmtId="0" fontId="2" fillId="0" borderId="25" xfId="0" applyFont="1" applyFill="1" applyBorder="1" applyAlignment="1">
      <alignment horizontal="left" vertical="center" wrapText="1"/>
    </xf>
    <xf numFmtId="0" fontId="2" fillId="0" borderId="9" xfId="0" applyFont="1" applyFill="1" applyBorder="1" applyAlignment="1">
      <alignment horizontal="left" vertical="center" wrapText="1"/>
    </xf>
    <xf numFmtId="0" fontId="3" fillId="4" borderId="0" xfId="0" applyFont="1" applyFill="1" applyAlignment="1">
      <alignment horizontal="center" vertical="center" wrapText="1"/>
    </xf>
    <xf numFmtId="0" fontId="12" fillId="0" borderId="7" xfId="0" applyFont="1" applyBorder="1" applyAlignment="1">
      <alignment horizontal="center"/>
    </xf>
    <xf numFmtId="0" fontId="2" fillId="0" borderId="38" xfId="0" applyFont="1" applyFill="1" applyBorder="1" applyAlignment="1">
      <alignment horizontal="center" vertical="center"/>
    </xf>
    <xf numFmtId="0" fontId="2" fillId="0" borderId="33" xfId="0" applyFont="1" applyFill="1" applyBorder="1" applyAlignment="1">
      <alignment horizontal="center" vertical="center"/>
    </xf>
    <xf numFmtId="49" fontId="3" fillId="0" borderId="11" xfId="0" applyNumberFormat="1" applyFont="1" applyFill="1" applyBorder="1" applyAlignment="1">
      <alignment horizontal="left" vertical="top" wrapText="1"/>
    </xf>
    <xf numFmtId="49" fontId="3" fillId="0" borderId="35" xfId="0" applyNumberFormat="1" applyFont="1" applyFill="1" applyBorder="1" applyAlignment="1">
      <alignment horizontal="left" vertical="top" wrapText="1"/>
    </xf>
    <xf numFmtId="0" fontId="2" fillId="0" borderId="39" xfId="0" applyFont="1" applyFill="1" applyBorder="1" applyAlignment="1">
      <alignment horizontal="left" vertical="center" wrapText="1"/>
    </xf>
    <xf numFmtId="0" fontId="2" fillId="0" borderId="36" xfId="0" applyFont="1" applyFill="1" applyBorder="1" applyAlignment="1">
      <alignment horizontal="left" vertical="center" wrapText="1"/>
    </xf>
    <xf numFmtId="164" fontId="4" fillId="0" borderId="5" xfId="2" applyNumberFormat="1" applyFont="1" applyBorder="1" applyAlignment="1">
      <alignment horizontal="left" vertical="center" wrapText="1"/>
    </xf>
    <xf numFmtId="164" fontId="4" fillId="0" borderId="6" xfId="2" applyNumberFormat="1" applyFont="1" applyBorder="1" applyAlignment="1">
      <alignment horizontal="left" vertical="center" wrapText="1"/>
    </xf>
    <xf numFmtId="0" fontId="3" fillId="4" borderId="0" xfId="0" applyFont="1" applyFill="1" applyBorder="1" applyAlignment="1">
      <alignment horizontal="center" vertical="center" wrapText="1"/>
    </xf>
  </cellXfs>
  <cellStyles count="6">
    <cellStyle name="Normálna 2" xfId="2"/>
    <cellStyle name="Normálne" xfId="0" builtinId="0"/>
    <cellStyle name="Normálne 2" xfId="3"/>
    <cellStyle name="normálne 2 2" xfId="1"/>
    <cellStyle name="normálne 2 2 2" xfId="4"/>
    <cellStyle name="Normálne 4" xfId="5"/>
  </cellStyles>
  <dxfs count="13">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s>
  <tableStyles count="0" defaultTableStyle="TableStyleMedium2" defaultPivotStyle="PivotStyleLight16"/>
  <colors>
    <mruColors>
      <color rgb="FFEDDBC9"/>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ctrlProps/ctrlProp1.xml><?xml version="1.0" encoding="utf-8"?>
<formControlPr xmlns="http://schemas.microsoft.com/office/spreadsheetml/2009/9/main" objectType="CheckBox" checked="Checked" lockText="1" noThreeD="1"/>
</file>

<file path=xl/ctrlProps/ctrlProp2.xml><?xml version="1.0" encoding="utf-8"?>
<formControlPr xmlns="http://schemas.microsoft.com/office/spreadsheetml/2009/9/main" objectType="CheckBox" lockText="1" noThreeD="1"/>
</file>

<file path=xl/ctrlProps/ctrlProp3.xml><?xml version="1.0" encoding="utf-8"?>
<formControlPr xmlns="http://schemas.microsoft.com/office/spreadsheetml/2009/9/main" objectType="CheckBox" checked="Checked" lockText="1" noThreeD="1"/>
</file>

<file path=xl/ctrlProps/ctrlProp4.xml><?xml version="1.0" encoding="utf-8"?>
<formControlPr xmlns="http://schemas.microsoft.com/office/spreadsheetml/2009/9/main" objectType="CheckBox" lockText="1" noThreeD="1"/>
</file>

<file path=xl/drawings/drawing1.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0</xdr:col>
          <xdr:colOff>628650</xdr:colOff>
          <xdr:row>24</xdr:row>
          <xdr:rowOff>0</xdr:rowOff>
        </xdr:from>
        <xdr:to>
          <xdr:col>0</xdr:col>
          <xdr:colOff>885825</xdr:colOff>
          <xdr:row>24</xdr:row>
          <xdr:rowOff>219075</xdr:rowOff>
        </xdr:to>
        <xdr:sp macro="" textlink="">
          <xdr:nvSpPr>
            <xdr:cNvPr id="8195" name="Check Box 3" hidden="1">
              <a:extLst>
                <a:ext uri="{63B3BB69-23CF-44E3-9099-C40C66FF867C}">
                  <a14:compatExt spid="_x0000_s819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628650</xdr:colOff>
          <xdr:row>25</xdr:row>
          <xdr:rowOff>9525</xdr:rowOff>
        </xdr:from>
        <xdr:to>
          <xdr:col>0</xdr:col>
          <xdr:colOff>885825</xdr:colOff>
          <xdr:row>25</xdr:row>
          <xdr:rowOff>228600</xdr:rowOff>
        </xdr:to>
        <xdr:sp macro="" textlink="">
          <xdr:nvSpPr>
            <xdr:cNvPr id="8196" name="Check Box 4" hidden="1">
              <a:extLst>
                <a:ext uri="{63B3BB69-23CF-44E3-9099-C40C66FF867C}">
                  <a14:compatExt spid="_x0000_s819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628650</xdr:colOff>
          <xdr:row>43</xdr:row>
          <xdr:rowOff>9525</xdr:rowOff>
        </xdr:from>
        <xdr:to>
          <xdr:col>0</xdr:col>
          <xdr:colOff>885825</xdr:colOff>
          <xdr:row>43</xdr:row>
          <xdr:rowOff>228600</xdr:rowOff>
        </xdr:to>
        <xdr:sp macro="" textlink="">
          <xdr:nvSpPr>
            <xdr:cNvPr id="8197" name="Check Box 5" hidden="1">
              <a:extLst>
                <a:ext uri="{63B3BB69-23CF-44E3-9099-C40C66FF867C}">
                  <a14:compatExt spid="_x0000_s819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628650</xdr:colOff>
          <xdr:row>44</xdr:row>
          <xdr:rowOff>0</xdr:rowOff>
        </xdr:from>
        <xdr:to>
          <xdr:col>0</xdr:col>
          <xdr:colOff>885825</xdr:colOff>
          <xdr:row>44</xdr:row>
          <xdr:rowOff>219075</xdr:rowOff>
        </xdr:to>
        <xdr:sp macro="" textlink="">
          <xdr:nvSpPr>
            <xdr:cNvPr id="8198" name="Check Box 6" hidden="1">
              <a:extLst>
                <a:ext uri="{63B3BB69-23CF-44E3-9099-C40C66FF867C}">
                  <a14:compatExt spid="_x0000_s819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wsDr>
</file>

<file path=xl/theme/theme1.xml><?xml version="1.0" encoding="utf-8"?>
<a:theme xmlns:a="http://schemas.openxmlformats.org/drawingml/2006/main" name="Motív balíka Offic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3" Type="http://schemas.openxmlformats.org/officeDocument/2006/relationships/vmlDrawing" Target="../drawings/vmlDrawing1.vml"/><Relationship Id="rId7" Type="http://schemas.openxmlformats.org/officeDocument/2006/relationships/ctrlProp" Target="../ctrlProps/ctrlProp4.xml"/><Relationship Id="rId2" Type="http://schemas.openxmlformats.org/officeDocument/2006/relationships/drawing" Target="../drawings/drawing1.xml"/><Relationship Id="rId1" Type="http://schemas.openxmlformats.org/officeDocument/2006/relationships/printerSettings" Target="../printerSettings/printerSettings1.bin"/><Relationship Id="rId6" Type="http://schemas.openxmlformats.org/officeDocument/2006/relationships/ctrlProp" Target="../ctrlProps/ctrlProp3.xml"/><Relationship Id="rId5" Type="http://schemas.openxmlformats.org/officeDocument/2006/relationships/ctrlProp" Target="../ctrlProps/ctrlProp2.xml"/><Relationship Id="rId4" Type="http://schemas.openxmlformats.org/officeDocument/2006/relationships/ctrlProp" Target="../ctrlProps/ctrlProp1.xml"/></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tabColor rgb="FF92D050"/>
    <pageSetUpPr fitToPage="1"/>
  </sheetPr>
  <dimension ref="A1:E221"/>
  <sheetViews>
    <sheetView showGridLines="0" tabSelected="1" topLeftCell="A133" zoomScale="80" zoomScaleNormal="80" zoomScaleSheetLayoutView="70" workbookViewId="0">
      <selection activeCell="M122" sqref="M122"/>
    </sheetView>
  </sheetViews>
  <sheetFormatPr defaultRowHeight="12.75" x14ac:dyDescent="0.2"/>
  <cols>
    <col min="1" max="1" width="13.5703125" style="1" customWidth="1"/>
    <col min="2" max="2" width="63.5703125" style="1" customWidth="1"/>
    <col min="3" max="3" width="16.42578125" style="8" customWidth="1"/>
    <col min="4" max="4" width="13.7109375" style="8" customWidth="1"/>
    <col min="5" max="5" width="19.7109375" style="2" customWidth="1"/>
    <col min="6" max="16384" width="9.140625" style="1"/>
  </cols>
  <sheetData>
    <row r="1" spans="1:5" ht="19.5" customHeight="1" x14ac:dyDescent="0.2">
      <c r="A1" s="143" t="s">
        <v>48</v>
      </c>
      <c r="B1" s="143"/>
      <c r="C1" s="143"/>
      <c r="D1" s="143"/>
      <c r="E1" s="143"/>
    </row>
    <row r="2" spans="1:5" ht="34.5" customHeight="1" x14ac:dyDescent="0.2">
      <c r="A2" s="146" t="s">
        <v>46</v>
      </c>
      <c r="B2" s="146"/>
      <c r="C2" s="146"/>
      <c r="D2" s="146"/>
      <c r="E2" s="146"/>
    </row>
    <row r="3" spans="1:5" ht="54.75" customHeight="1" x14ac:dyDescent="0.2">
      <c r="A3" s="115" t="s">
        <v>52</v>
      </c>
      <c r="B3" s="115"/>
      <c r="C3" s="115"/>
      <c r="D3" s="115"/>
      <c r="E3" s="115"/>
    </row>
    <row r="4" spans="1:5" ht="18" customHeight="1" x14ac:dyDescent="0.2">
      <c r="A4" s="83"/>
      <c r="B4" s="83"/>
      <c r="C4" s="83"/>
      <c r="D4" s="83"/>
      <c r="E4" s="83"/>
    </row>
    <row r="5" spans="1:5" ht="24.75" customHeight="1" x14ac:dyDescent="0.2">
      <c r="A5" s="44" t="s">
        <v>51</v>
      </c>
      <c r="B5" s="54"/>
      <c r="C5" s="39"/>
      <c r="D5" s="39"/>
      <c r="E5" s="39"/>
    </row>
    <row r="6" spans="1:5" ht="24.95" customHeight="1" x14ac:dyDescent="0.2">
      <c r="A6" s="44" t="s">
        <v>49</v>
      </c>
      <c r="B6" s="55"/>
      <c r="C6" s="39"/>
      <c r="D6" s="39"/>
      <c r="E6" s="39"/>
    </row>
    <row r="7" spans="1:5" ht="5.0999999999999996" customHeight="1" x14ac:dyDescent="0.2">
      <c r="A7" s="39"/>
      <c r="B7" s="39"/>
      <c r="C7" s="39"/>
      <c r="D7" s="39"/>
      <c r="E7" s="39"/>
    </row>
    <row r="8" spans="1:5" s="2" customFormat="1" ht="20.100000000000001" customHeight="1" x14ac:dyDescent="0.25">
      <c r="A8" s="161" t="s">
        <v>5</v>
      </c>
      <c r="B8" s="161"/>
      <c r="C8" s="161"/>
      <c r="D8" s="161"/>
      <c r="E8" s="161"/>
    </row>
    <row r="9" spans="1:5" s="2" customFormat="1" ht="20.100000000000001" customHeight="1" x14ac:dyDescent="0.25">
      <c r="A9" s="116" t="s">
        <v>9</v>
      </c>
      <c r="B9" s="116"/>
      <c r="C9" s="116"/>
      <c r="D9" s="116"/>
      <c r="E9" s="116"/>
    </row>
    <row r="10" spans="1:5" ht="24.95" customHeight="1" x14ac:dyDescent="0.2">
      <c r="A10" s="117" t="s">
        <v>112</v>
      </c>
      <c r="B10" s="117"/>
      <c r="C10" s="117"/>
      <c r="D10" s="117"/>
      <c r="E10" s="117"/>
    </row>
    <row r="11" spans="1:5" ht="4.5" customHeight="1" x14ac:dyDescent="0.2">
      <c r="A11" s="40"/>
      <c r="B11" s="40"/>
      <c r="C11" s="40"/>
      <c r="D11" s="40"/>
      <c r="E11" s="40"/>
    </row>
    <row r="12" spans="1:5" s="2" customFormat="1" ht="20.100000000000001" customHeight="1" x14ac:dyDescent="0.25">
      <c r="A12" s="118" t="s">
        <v>10</v>
      </c>
      <c r="B12" s="118"/>
      <c r="C12" s="118"/>
      <c r="D12" s="118"/>
      <c r="E12" s="118"/>
    </row>
    <row r="13" spans="1:5" s="2" customFormat="1" ht="65.25" customHeight="1" x14ac:dyDescent="0.2">
      <c r="A13" s="119" t="s">
        <v>214</v>
      </c>
      <c r="B13" s="119"/>
      <c r="C13" s="119"/>
      <c r="D13" s="16"/>
      <c r="E13" s="16"/>
    </row>
    <row r="14" spans="1:5" s="3" customFormat="1" ht="21" customHeight="1" x14ac:dyDescent="0.25">
      <c r="A14" s="119" t="s">
        <v>128</v>
      </c>
      <c r="B14" s="119"/>
      <c r="C14" s="119"/>
      <c r="D14" s="22"/>
      <c r="E14" s="23"/>
    </row>
    <row r="15" spans="1:5" ht="4.5" customHeight="1" x14ac:dyDescent="0.2">
      <c r="A15" s="98"/>
      <c r="B15" s="98"/>
      <c r="C15" s="98"/>
      <c r="D15" s="40"/>
      <c r="E15" s="40"/>
    </row>
    <row r="16" spans="1:5" ht="20.100000000000001" customHeight="1" x14ac:dyDescent="0.2">
      <c r="A16" s="99" t="s">
        <v>11</v>
      </c>
      <c r="B16" s="100"/>
      <c r="C16" s="100"/>
      <c r="D16" s="24"/>
      <c r="E16" s="24"/>
    </row>
    <row r="17" spans="1:5" s="3" customFormat="1" ht="15.75" customHeight="1" x14ac:dyDescent="0.25">
      <c r="A17" s="134" t="s">
        <v>54</v>
      </c>
      <c r="B17" s="134"/>
      <c r="C17" s="134"/>
      <c r="D17" s="22"/>
      <c r="E17" s="23"/>
    </row>
    <row r="18" spans="1:5" ht="5.0999999999999996" customHeight="1" x14ac:dyDescent="0.2">
      <c r="A18" s="135"/>
      <c r="B18" s="135"/>
      <c r="C18" s="135"/>
      <c r="E18" s="17"/>
    </row>
    <row r="19" spans="1:5" s="2" customFormat="1" ht="20.100000000000001" customHeight="1" x14ac:dyDescent="0.25">
      <c r="A19" s="161" t="s">
        <v>23</v>
      </c>
      <c r="B19" s="161"/>
      <c r="C19" s="161"/>
      <c r="D19" s="161"/>
      <c r="E19" s="161"/>
    </row>
    <row r="20" spans="1:5" ht="24.95" customHeight="1" x14ac:dyDescent="0.2">
      <c r="A20" s="136" t="s">
        <v>113</v>
      </c>
      <c r="B20" s="136"/>
      <c r="C20" s="136"/>
      <c r="D20" s="136"/>
      <c r="E20" s="136"/>
    </row>
    <row r="21" spans="1:5" ht="5.0999999999999996" customHeight="1" x14ac:dyDescent="0.2">
      <c r="A21" s="135"/>
      <c r="B21" s="135"/>
      <c r="C21" s="135"/>
      <c r="E21" s="17"/>
    </row>
    <row r="22" spans="1:5" s="2" customFormat="1" ht="20.100000000000001" customHeight="1" x14ac:dyDescent="0.25">
      <c r="A22" s="161" t="s">
        <v>24</v>
      </c>
      <c r="B22" s="161"/>
      <c r="C22" s="161"/>
      <c r="D22" s="161"/>
      <c r="E22" s="161"/>
    </row>
    <row r="23" spans="1:5" s="9" customFormat="1" ht="20.100000000000001" customHeight="1" x14ac:dyDescent="0.25">
      <c r="A23" s="129" t="s">
        <v>6</v>
      </c>
      <c r="B23" s="129"/>
      <c r="C23" s="129"/>
      <c r="D23" s="129"/>
      <c r="E23" s="129"/>
    </row>
    <row r="24" spans="1:5" s="9" customFormat="1" ht="20.100000000000001" customHeight="1" x14ac:dyDescent="0.25">
      <c r="A24" s="144" t="s">
        <v>17</v>
      </c>
      <c r="B24" s="145"/>
      <c r="C24" s="15"/>
      <c r="D24" s="15"/>
      <c r="E24" s="15"/>
    </row>
    <row r="25" spans="1:5" s="9" customFormat="1" ht="20.100000000000001" customHeight="1" x14ac:dyDescent="0.25">
      <c r="A25" s="14"/>
      <c r="B25" s="14" t="s">
        <v>21</v>
      </c>
      <c r="C25" s="15"/>
      <c r="D25" s="15"/>
      <c r="E25" s="15"/>
    </row>
    <row r="26" spans="1:5" s="9" customFormat="1" ht="20.100000000000001" customHeight="1" x14ac:dyDescent="0.25">
      <c r="A26" s="14"/>
      <c r="B26" s="14" t="s">
        <v>22</v>
      </c>
      <c r="C26" s="111"/>
      <c r="D26" s="111"/>
      <c r="E26" s="111"/>
    </row>
    <row r="27" spans="1:5" s="9" customFormat="1" ht="20.100000000000001" customHeight="1" x14ac:dyDescent="0.25">
      <c r="A27" s="132" t="s">
        <v>18</v>
      </c>
      <c r="B27" s="133"/>
      <c r="C27" s="15"/>
      <c r="D27" s="15"/>
      <c r="E27" s="15"/>
    </row>
    <row r="28" spans="1:5" s="9" customFormat="1" ht="39.75" customHeight="1" x14ac:dyDescent="0.25">
      <c r="A28" s="20" t="s">
        <v>19</v>
      </c>
      <c r="B28" s="130" t="s">
        <v>13</v>
      </c>
      <c r="C28" s="131"/>
      <c r="D28" s="21" t="s">
        <v>12</v>
      </c>
      <c r="E28" s="21" t="s">
        <v>107</v>
      </c>
    </row>
    <row r="29" spans="1:5" s="9" customFormat="1" ht="24.95" customHeight="1" x14ac:dyDescent="0.25">
      <c r="A29" s="18" t="s">
        <v>2</v>
      </c>
      <c r="B29" s="147" t="s">
        <v>136</v>
      </c>
      <c r="C29" s="148"/>
      <c r="D29" s="19" t="s">
        <v>1</v>
      </c>
      <c r="E29" s="63">
        <v>14564</v>
      </c>
    </row>
    <row r="30" spans="1:5" s="9" customFormat="1" ht="24.95" customHeight="1" x14ac:dyDescent="0.25">
      <c r="A30" s="18" t="s">
        <v>64</v>
      </c>
      <c r="B30" s="147" t="s">
        <v>135</v>
      </c>
      <c r="C30" s="148"/>
      <c r="D30" s="19" t="s">
        <v>1</v>
      </c>
      <c r="E30" s="92">
        <v>9565</v>
      </c>
    </row>
    <row r="31" spans="1:5" s="9" customFormat="1" ht="24.95" customHeight="1" x14ac:dyDescent="0.25">
      <c r="A31" s="18" t="s">
        <v>65</v>
      </c>
      <c r="B31" s="56" t="s">
        <v>137</v>
      </c>
      <c r="C31" s="57"/>
      <c r="D31" s="19" t="s">
        <v>1</v>
      </c>
      <c r="E31" s="92">
        <v>10964</v>
      </c>
    </row>
    <row r="32" spans="1:5" s="9" customFormat="1" ht="24.95" customHeight="1" x14ac:dyDescent="0.25">
      <c r="A32" s="18" t="s">
        <v>66</v>
      </c>
      <c r="B32" s="66" t="s">
        <v>193</v>
      </c>
      <c r="C32" s="67"/>
      <c r="D32" s="19" t="s">
        <v>1</v>
      </c>
      <c r="E32" s="92">
        <v>532</v>
      </c>
    </row>
    <row r="33" spans="1:5" s="9" customFormat="1" ht="24.95" customHeight="1" x14ac:dyDescent="0.25">
      <c r="A33" s="18" t="s">
        <v>67</v>
      </c>
      <c r="B33" s="84" t="s">
        <v>194</v>
      </c>
      <c r="C33" s="67"/>
      <c r="D33" s="19" t="s">
        <v>1</v>
      </c>
      <c r="E33" s="92">
        <v>15</v>
      </c>
    </row>
    <row r="34" spans="1:5" s="9" customFormat="1" ht="24.95" customHeight="1" x14ac:dyDescent="0.25">
      <c r="A34" s="18" t="s">
        <v>68</v>
      </c>
      <c r="B34" s="84" t="s">
        <v>195</v>
      </c>
      <c r="C34" s="67"/>
      <c r="D34" s="19" t="s">
        <v>1</v>
      </c>
      <c r="E34" s="92">
        <v>6820.0000000000009</v>
      </c>
    </row>
    <row r="35" spans="1:5" s="9" customFormat="1" ht="24.95" customHeight="1" x14ac:dyDescent="0.25">
      <c r="A35" s="18" t="s">
        <v>111</v>
      </c>
      <c r="B35" s="84" t="s">
        <v>197</v>
      </c>
      <c r="C35" s="67"/>
      <c r="D35" s="19" t="s">
        <v>1</v>
      </c>
      <c r="E35" s="92">
        <v>1500</v>
      </c>
    </row>
    <row r="36" spans="1:5" s="9" customFormat="1" ht="24.95" customHeight="1" x14ac:dyDescent="0.25">
      <c r="A36" s="18" t="s">
        <v>117</v>
      </c>
      <c r="B36" s="84" t="s">
        <v>198</v>
      </c>
      <c r="C36" s="67"/>
      <c r="D36" s="19" t="s">
        <v>1</v>
      </c>
      <c r="E36" s="63">
        <v>4043</v>
      </c>
    </row>
    <row r="37" spans="1:5" s="9" customFormat="1" ht="24.95" customHeight="1" x14ac:dyDescent="0.25">
      <c r="A37" s="18" t="s">
        <v>118</v>
      </c>
      <c r="B37" s="66" t="s">
        <v>196</v>
      </c>
      <c r="C37" s="67"/>
      <c r="D37" s="19" t="s">
        <v>1</v>
      </c>
      <c r="E37" s="63">
        <v>3696</v>
      </c>
    </row>
    <row r="38" spans="1:5" s="9" customFormat="1" ht="24.95" customHeight="1" x14ac:dyDescent="0.25">
      <c r="A38" s="18" t="s">
        <v>119</v>
      </c>
      <c r="B38" s="66" t="s">
        <v>199</v>
      </c>
      <c r="C38" s="67"/>
      <c r="D38" s="19" t="s">
        <v>1</v>
      </c>
      <c r="E38" s="63">
        <v>19250</v>
      </c>
    </row>
    <row r="39" spans="1:5" s="9" customFormat="1" ht="24.95" customHeight="1" x14ac:dyDescent="0.25">
      <c r="A39" s="18" t="s">
        <v>120</v>
      </c>
      <c r="B39" s="169" t="s">
        <v>200</v>
      </c>
      <c r="C39" s="170"/>
      <c r="D39" s="19" t="s">
        <v>1</v>
      </c>
      <c r="E39" s="63">
        <v>97900</v>
      </c>
    </row>
    <row r="40" spans="1:5" s="9" customFormat="1" ht="24.95" customHeight="1" x14ac:dyDescent="0.25">
      <c r="A40" s="18" t="s">
        <v>121</v>
      </c>
      <c r="B40" s="85" t="s">
        <v>201</v>
      </c>
      <c r="C40" s="67"/>
      <c r="D40" s="19" t="s">
        <v>1</v>
      </c>
      <c r="E40" s="63">
        <v>14190</v>
      </c>
    </row>
    <row r="41" spans="1:5" s="9" customFormat="1" ht="24.95" customHeight="1" x14ac:dyDescent="0.25">
      <c r="A41" s="18" t="s">
        <v>122</v>
      </c>
      <c r="B41" s="85" t="s">
        <v>202</v>
      </c>
      <c r="C41" s="57"/>
      <c r="D41" s="19" t="s">
        <v>1</v>
      </c>
      <c r="E41" s="63">
        <v>16280</v>
      </c>
    </row>
    <row r="42" spans="1:5" s="9" customFormat="1" ht="4.5" customHeight="1" x14ac:dyDescent="0.25">
      <c r="A42" s="15"/>
      <c r="B42" s="15"/>
      <c r="C42" s="15"/>
      <c r="D42" s="15"/>
      <c r="E42" s="15"/>
    </row>
    <row r="43" spans="1:5" s="9" customFormat="1" ht="20.100000000000001" customHeight="1" x14ac:dyDescent="0.25">
      <c r="A43" s="132" t="s">
        <v>20</v>
      </c>
      <c r="B43" s="133"/>
      <c r="C43" s="15"/>
      <c r="D43" s="15"/>
      <c r="E43" s="15"/>
    </row>
    <row r="44" spans="1:5" s="9" customFormat="1" ht="20.100000000000001" customHeight="1" x14ac:dyDescent="0.2">
      <c r="A44" s="10"/>
      <c r="B44" s="9" t="s">
        <v>3</v>
      </c>
      <c r="C44" s="15"/>
      <c r="D44" s="15"/>
      <c r="E44" s="15"/>
    </row>
    <row r="45" spans="1:5" s="9" customFormat="1" ht="20.100000000000001" customHeight="1" x14ac:dyDescent="0.25">
      <c r="A45" s="14"/>
      <c r="B45" s="2" t="s">
        <v>4</v>
      </c>
      <c r="C45" s="15"/>
      <c r="D45" s="15"/>
      <c r="E45" s="15"/>
    </row>
    <row r="46" spans="1:5" ht="5.0999999999999996" customHeight="1" x14ac:dyDescent="0.2"/>
    <row r="47" spans="1:5" s="2" customFormat="1" ht="20.100000000000001" customHeight="1" x14ac:dyDescent="0.25">
      <c r="A47" s="161" t="s">
        <v>25</v>
      </c>
      <c r="B47" s="161"/>
      <c r="C47" s="161"/>
      <c r="D47" s="161"/>
      <c r="E47" s="161"/>
    </row>
    <row r="48" spans="1:5" s="2" customFormat="1" ht="5.0999999999999996" customHeight="1" thickBot="1" x14ac:dyDescent="0.3">
      <c r="A48" s="17"/>
      <c r="C48" s="6"/>
      <c r="D48" s="6"/>
      <c r="E48" s="6"/>
    </row>
    <row r="49" spans="1:5" s="3" customFormat="1" ht="96.75" customHeight="1" x14ac:dyDescent="0.25">
      <c r="A49" s="120" t="s">
        <v>0</v>
      </c>
      <c r="B49" s="121"/>
      <c r="C49" s="124" t="s">
        <v>218</v>
      </c>
      <c r="D49" s="125"/>
      <c r="E49" s="126"/>
    </row>
    <row r="50" spans="1:5" s="3" customFormat="1" ht="30" customHeight="1" thickBot="1" x14ac:dyDescent="0.3">
      <c r="A50" s="122"/>
      <c r="B50" s="123"/>
      <c r="C50" s="25" t="s">
        <v>26</v>
      </c>
      <c r="D50" s="127" t="s">
        <v>27</v>
      </c>
      <c r="E50" s="128"/>
    </row>
    <row r="51" spans="1:5" s="26" customFormat="1" ht="24.75" customHeight="1" x14ac:dyDescent="0.25">
      <c r="A51" s="103" t="s">
        <v>138</v>
      </c>
      <c r="B51" s="114"/>
      <c r="C51" s="50"/>
      <c r="D51" s="49"/>
      <c r="E51" s="89"/>
    </row>
    <row r="52" spans="1:5" s="4" customFormat="1" ht="24.95" customHeight="1" x14ac:dyDescent="0.25">
      <c r="A52" s="60" t="s">
        <v>70</v>
      </c>
      <c r="B52" s="52" t="s">
        <v>116</v>
      </c>
      <c r="C52" s="46"/>
      <c r="D52" s="112"/>
      <c r="E52" s="113"/>
    </row>
    <row r="53" spans="1:5" s="4" customFormat="1" ht="24.95" customHeight="1" x14ac:dyDescent="0.25">
      <c r="A53" s="60" t="s">
        <v>71</v>
      </c>
      <c r="B53" s="51" t="s">
        <v>139</v>
      </c>
      <c r="C53" s="46"/>
      <c r="D53" s="112"/>
      <c r="E53" s="113"/>
    </row>
    <row r="54" spans="1:5" s="4" customFormat="1" ht="24.95" customHeight="1" x14ac:dyDescent="0.25">
      <c r="A54" s="60" t="s">
        <v>72</v>
      </c>
      <c r="B54" s="51" t="s">
        <v>140</v>
      </c>
      <c r="C54" s="46"/>
      <c r="D54" s="112"/>
      <c r="E54" s="113"/>
    </row>
    <row r="55" spans="1:5" s="4" customFormat="1" ht="24.95" customHeight="1" x14ac:dyDescent="0.25">
      <c r="A55" s="60" t="s">
        <v>73</v>
      </c>
      <c r="B55" s="51" t="s">
        <v>141</v>
      </c>
      <c r="C55" s="46"/>
      <c r="D55" s="112"/>
      <c r="E55" s="113"/>
    </row>
    <row r="56" spans="1:5" s="4" customFormat="1" ht="24.95" customHeight="1" x14ac:dyDescent="0.25">
      <c r="A56" s="60" t="s">
        <v>74</v>
      </c>
      <c r="B56" s="52" t="s">
        <v>142</v>
      </c>
      <c r="C56" s="46"/>
      <c r="D56" s="112"/>
      <c r="E56" s="113"/>
    </row>
    <row r="57" spans="1:5" s="4" customFormat="1" ht="24.95" customHeight="1" x14ac:dyDescent="0.25">
      <c r="A57" s="60" t="s">
        <v>75</v>
      </c>
      <c r="B57" s="65" t="s">
        <v>143</v>
      </c>
      <c r="C57" s="46"/>
      <c r="D57" s="112"/>
      <c r="E57" s="113"/>
    </row>
    <row r="58" spans="1:5" s="4" customFormat="1" ht="24.95" customHeight="1" thickBot="1" x14ac:dyDescent="0.3">
      <c r="A58" s="60" t="s">
        <v>76</v>
      </c>
      <c r="B58" s="64" t="s">
        <v>205</v>
      </c>
      <c r="C58" s="46"/>
      <c r="D58" s="112"/>
      <c r="E58" s="113"/>
    </row>
    <row r="59" spans="1:5" s="26" customFormat="1" ht="24.75" customHeight="1" x14ac:dyDescent="0.25">
      <c r="A59" s="103" t="s">
        <v>144</v>
      </c>
      <c r="B59" s="114"/>
      <c r="C59" s="46"/>
      <c r="D59" s="49"/>
      <c r="E59" s="89"/>
    </row>
    <row r="60" spans="1:5" s="4" customFormat="1" ht="24.95" customHeight="1" x14ac:dyDescent="0.25">
      <c r="A60" s="60" t="s">
        <v>70</v>
      </c>
      <c r="B60" s="52" t="s">
        <v>116</v>
      </c>
      <c r="C60" s="46"/>
      <c r="D60" s="112"/>
      <c r="E60" s="113"/>
    </row>
    <row r="61" spans="1:5" s="4" customFormat="1" ht="24.95" customHeight="1" x14ac:dyDescent="0.25">
      <c r="A61" s="60" t="s">
        <v>71</v>
      </c>
      <c r="B61" s="51" t="s">
        <v>145</v>
      </c>
      <c r="C61" s="46"/>
      <c r="D61" s="112"/>
      <c r="E61" s="113"/>
    </row>
    <row r="62" spans="1:5" s="4" customFormat="1" ht="24.95" customHeight="1" x14ac:dyDescent="0.25">
      <c r="A62" s="60" t="s">
        <v>72</v>
      </c>
      <c r="B62" s="51" t="s">
        <v>146</v>
      </c>
      <c r="C62" s="46"/>
      <c r="D62" s="112"/>
      <c r="E62" s="113"/>
    </row>
    <row r="63" spans="1:5" s="4" customFormat="1" ht="24.95" customHeight="1" x14ac:dyDescent="0.25">
      <c r="A63" s="60" t="s">
        <v>73</v>
      </c>
      <c r="B63" s="51" t="s">
        <v>147</v>
      </c>
      <c r="C63" s="46"/>
      <c r="D63" s="112"/>
      <c r="E63" s="113"/>
    </row>
    <row r="64" spans="1:5" s="4" customFormat="1" ht="24.95" customHeight="1" x14ac:dyDescent="0.25">
      <c r="A64" s="60" t="s">
        <v>74</v>
      </c>
      <c r="B64" s="52" t="s">
        <v>141</v>
      </c>
      <c r="C64" s="46"/>
      <c r="D64" s="112"/>
      <c r="E64" s="113"/>
    </row>
    <row r="65" spans="1:5" s="4" customFormat="1" ht="24.95" customHeight="1" x14ac:dyDescent="0.25">
      <c r="A65" s="60" t="s">
        <v>75</v>
      </c>
      <c r="B65" s="65" t="s">
        <v>142</v>
      </c>
      <c r="C65" s="46"/>
      <c r="D65" s="112"/>
      <c r="E65" s="113"/>
    </row>
    <row r="66" spans="1:5" s="4" customFormat="1" ht="24.95" customHeight="1" x14ac:dyDescent="0.25">
      <c r="A66" s="60" t="s">
        <v>76</v>
      </c>
      <c r="B66" s="64" t="s">
        <v>143</v>
      </c>
      <c r="C66" s="46"/>
      <c r="D66" s="112"/>
      <c r="E66" s="113"/>
    </row>
    <row r="67" spans="1:5" s="4" customFormat="1" ht="24.95" customHeight="1" thickBot="1" x14ac:dyDescent="0.3">
      <c r="A67" s="60" t="s">
        <v>222</v>
      </c>
      <c r="B67" s="64" t="s">
        <v>205</v>
      </c>
      <c r="C67" s="46"/>
      <c r="D67" s="112"/>
      <c r="E67" s="113"/>
    </row>
    <row r="68" spans="1:5" s="4" customFormat="1" ht="24.95" customHeight="1" x14ac:dyDescent="0.25">
      <c r="A68" s="103" t="s">
        <v>148</v>
      </c>
      <c r="B68" s="104"/>
      <c r="C68" s="45"/>
      <c r="D68" s="49"/>
      <c r="E68" s="89"/>
    </row>
    <row r="69" spans="1:5" s="4" customFormat="1" ht="24.95" customHeight="1" x14ac:dyDescent="0.25">
      <c r="A69" s="47" t="s">
        <v>70</v>
      </c>
      <c r="B69" s="52" t="s">
        <v>116</v>
      </c>
      <c r="C69" s="46"/>
      <c r="D69" s="109"/>
      <c r="E69" s="110"/>
    </row>
    <row r="70" spans="1:5" s="4" customFormat="1" ht="24.95" customHeight="1" x14ac:dyDescent="0.25">
      <c r="A70" s="47" t="s">
        <v>71</v>
      </c>
      <c r="B70" s="51" t="s">
        <v>149</v>
      </c>
      <c r="C70" s="46"/>
      <c r="D70" s="109"/>
      <c r="E70" s="110"/>
    </row>
    <row r="71" spans="1:5" s="4" customFormat="1" ht="24.95" customHeight="1" x14ac:dyDescent="0.25">
      <c r="A71" s="47" t="s">
        <v>72</v>
      </c>
      <c r="B71" s="51" t="s">
        <v>150</v>
      </c>
      <c r="C71" s="46"/>
      <c r="D71" s="109"/>
      <c r="E71" s="110"/>
    </row>
    <row r="72" spans="1:5" s="4" customFormat="1" ht="24.95" customHeight="1" x14ac:dyDescent="0.25">
      <c r="A72" s="47" t="s">
        <v>73</v>
      </c>
      <c r="B72" s="51" t="s">
        <v>151</v>
      </c>
      <c r="C72" s="46"/>
      <c r="D72" s="109"/>
      <c r="E72" s="110"/>
    </row>
    <row r="73" spans="1:5" s="4" customFormat="1" ht="24.95" customHeight="1" x14ac:dyDescent="0.25">
      <c r="A73" s="47" t="s">
        <v>74</v>
      </c>
      <c r="B73" s="52" t="s">
        <v>141</v>
      </c>
      <c r="C73" s="46"/>
      <c r="D73" s="109"/>
      <c r="E73" s="110"/>
    </row>
    <row r="74" spans="1:5" s="4" customFormat="1" ht="24.95" customHeight="1" x14ac:dyDescent="0.25">
      <c r="A74" s="47" t="s">
        <v>75</v>
      </c>
      <c r="B74" s="65" t="s">
        <v>142</v>
      </c>
      <c r="C74" s="46"/>
      <c r="D74" s="109"/>
      <c r="E74" s="110"/>
    </row>
    <row r="75" spans="1:5" s="4" customFormat="1" ht="24.95" customHeight="1" thickBot="1" x14ac:dyDescent="0.3">
      <c r="A75" s="47" t="s">
        <v>76</v>
      </c>
      <c r="B75" s="52" t="s">
        <v>205</v>
      </c>
      <c r="C75" s="46"/>
      <c r="D75" s="109"/>
      <c r="E75" s="110"/>
    </row>
    <row r="76" spans="1:5" s="4" customFormat="1" ht="24.95" customHeight="1" x14ac:dyDescent="0.25">
      <c r="A76" s="103" t="s">
        <v>156</v>
      </c>
      <c r="B76" s="104"/>
      <c r="C76" s="61"/>
      <c r="D76" s="49"/>
      <c r="E76" s="89"/>
    </row>
    <row r="77" spans="1:5" s="4" customFormat="1" ht="24.95" customHeight="1" x14ac:dyDescent="0.25">
      <c r="A77" s="47" t="s">
        <v>70</v>
      </c>
      <c r="B77" s="52" t="s">
        <v>116</v>
      </c>
      <c r="C77" s="46"/>
      <c r="D77" s="112"/>
      <c r="E77" s="113"/>
    </row>
    <row r="78" spans="1:5" s="4" customFormat="1" ht="24.95" customHeight="1" x14ac:dyDescent="0.25">
      <c r="A78" s="47" t="s">
        <v>71</v>
      </c>
      <c r="B78" s="52" t="s">
        <v>155</v>
      </c>
      <c r="C78" s="46"/>
      <c r="D78" s="109"/>
      <c r="E78" s="110"/>
    </row>
    <row r="79" spans="1:5" s="4" customFormat="1" ht="24.95" customHeight="1" x14ac:dyDescent="0.25">
      <c r="A79" s="47" t="s">
        <v>72</v>
      </c>
      <c r="B79" s="52" t="s">
        <v>152</v>
      </c>
      <c r="C79" s="46"/>
      <c r="D79" s="109"/>
      <c r="E79" s="110"/>
    </row>
    <row r="80" spans="1:5" s="4" customFormat="1" ht="24.95" customHeight="1" x14ac:dyDescent="0.25">
      <c r="A80" s="47" t="s">
        <v>73</v>
      </c>
      <c r="B80" s="69" t="s">
        <v>153</v>
      </c>
      <c r="C80" s="46"/>
      <c r="D80" s="109"/>
      <c r="E80" s="110"/>
    </row>
    <row r="81" spans="1:5" s="4" customFormat="1" ht="24.95" customHeight="1" x14ac:dyDescent="0.25">
      <c r="A81" s="47" t="s">
        <v>74</v>
      </c>
      <c r="B81" s="52" t="s">
        <v>154</v>
      </c>
      <c r="C81" s="46"/>
      <c r="D81" s="109"/>
      <c r="E81" s="110"/>
    </row>
    <row r="82" spans="1:5" s="4" customFormat="1" ht="24.95" customHeight="1" thickBot="1" x14ac:dyDescent="0.3">
      <c r="A82" s="47" t="s">
        <v>75</v>
      </c>
      <c r="B82" s="65" t="s">
        <v>206</v>
      </c>
      <c r="C82" s="46"/>
      <c r="D82" s="109"/>
      <c r="E82" s="110"/>
    </row>
    <row r="83" spans="1:5" s="4" customFormat="1" ht="24.95" customHeight="1" x14ac:dyDescent="0.25">
      <c r="A83" s="103" t="s">
        <v>157</v>
      </c>
      <c r="B83" s="104"/>
      <c r="C83" s="61"/>
      <c r="D83" s="49"/>
      <c r="E83" s="89"/>
    </row>
    <row r="84" spans="1:5" s="4" customFormat="1" ht="24.95" customHeight="1" x14ac:dyDescent="0.25">
      <c r="A84" s="47" t="s">
        <v>70</v>
      </c>
      <c r="B84" s="52" t="s">
        <v>158</v>
      </c>
      <c r="C84" s="46"/>
      <c r="D84" s="109"/>
      <c r="E84" s="110"/>
    </row>
    <row r="85" spans="1:5" s="4" customFormat="1" ht="24.95" customHeight="1" x14ac:dyDescent="0.25">
      <c r="A85" s="47" t="s">
        <v>71</v>
      </c>
      <c r="B85" s="51" t="s">
        <v>159</v>
      </c>
      <c r="C85" s="46"/>
      <c r="D85" s="109"/>
      <c r="E85" s="110"/>
    </row>
    <row r="86" spans="1:5" s="4" customFormat="1" ht="24.95" customHeight="1" x14ac:dyDescent="0.25">
      <c r="A86" s="47" t="s">
        <v>72</v>
      </c>
      <c r="B86" s="51" t="s">
        <v>160</v>
      </c>
      <c r="C86" s="46"/>
      <c r="D86" s="109"/>
      <c r="E86" s="110"/>
    </row>
    <row r="87" spans="1:5" s="4" customFormat="1" ht="24.95" customHeight="1" x14ac:dyDescent="0.25">
      <c r="A87" s="47" t="s">
        <v>73</v>
      </c>
      <c r="B87" s="51" t="s">
        <v>161</v>
      </c>
      <c r="C87" s="46"/>
      <c r="D87" s="109"/>
      <c r="E87" s="110"/>
    </row>
    <row r="88" spans="1:5" s="4" customFormat="1" ht="24.95" customHeight="1" thickBot="1" x14ac:dyDescent="0.3">
      <c r="A88" s="47" t="s">
        <v>74</v>
      </c>
      <c r="B88" s="65" t="s">
        <v>207</v>
      </c>
      <c r="C88" s="46"/>
      <c r="D88" s="109"/>
      <c r="E88" s="110"/>
    </row>
    <row r="89" spans="1:5" s="4" customFormat="1" ht="24.95" customHeight="1" x14ac:dyDescent="0.25">
      <c r="A89" s="103" t="s">
        <v>162</v>
      </c>
      <c r="B89" s="104"/>
      <c r="C89" s="46"/>
      <c r="D89" s="49"/>
      <c r="E89" s="89"/>
    </row>
    <row r="90" spans="1:5" s="4" customFormat="1" ht="24.95" customHeight="1" x14ac:dyDescent="0.25">
      <c r="A90" s="47" t="s">
        <v>70</v>
      </c>
      <c r="B90" s="52" t="s">
        <v>116</v>
      </c>
      <c r="C90" s="46"/>
      <c r="D90" s="109"/>
      <c r="E90" s="110"/>
    </row>
    <row r="91" spans="1:5" s="4" customFormat="1" ht="24.95" customHeight="1" x14ac:dyDescent="0.25">
      <c r="A91" s="47" t="s">
        <v>71</v>
      </c>
      <c r="B91" s="51" t="s">
        <v>163</v>
      </c>
      <c r="C91" s="46"/>
      <c r="D91" s="109"/>
      <c r="E91" s="110"/>
    </row>
    <row r="92" spans="1:5" s="4" customFormat="1" ht="24.95" customHeight="1" x14ac:dyDescent="0.25">
      <c r="A92" s="47" t="s">
        <v>72</v>
      </c>
      <c r="B92" s="51" t="s">
        <v>164</v>
      </c>
      <c r="C92" s="46"/>
      <c r="D92" s="109"/>
      <c r="E92" s="110"/>
    </row>
    <row r="93" spans="1:5" s="4" customFormat="1" ht="24.95" customHeight="1" x14ac:dyDescent="0.25">
      <c r="A93" s="47" t="s">
        <v>73</v>
      </c>
      <c r="B93" s="51" t="s">
        <v>165</v>
      </c>
      <c r="C93" s="46"/>
      <c r="D93" s="109"/>
      <c r="E93" s="110"/>
    </row>
    <row r="94" spans="1:5" s="4" customFormat="1" ht="24.95" customHeight="1" thickBot="1" x14ac:dyDescent="0.3">
      <c r="A94" s="47" t="s">
        <v>74</v>
      </c>
      <c r="B94" s="65" t="s">
        <v>207</v>
      </c>
      <c r="C94" s="46"/>
      <c r="D94" s="109"/>
      <c r="E94" s="110"/>
    </row>
    <row r="95" spans="1:5" s="26" customFormat="1" ht="24.75" customHeight="1" x14ac:dyDescent="0.25">
      <c r="A95" s="103" t="s">
        <v>212</v>
      </c>
      <c r="B95" s="104"/>
      <c r="C95" s="50"/>
      <c r="D95" s="49"/>
      <c r="E95" s="89"/>
    </row>
    <row r="96" spans="1:5" s="4" customFormat="1" ht="24.95" customHeight="1" x14ac:dyDescent="0.25">
      <c r="A96" s="60" t="s">
        <v>70</v>
      </c>
      <c r="B96" s="52" t="s">
        <v>116</v>
      </c>
      <c r="C96" s="46"/>
      <c r="D96" s="109"/>
      <c r="E96" s="110"/>
    </row>
    <row r="97" spans="1:5" s="4" customFormat="1" ht="24.95" customHeight="1" x14ac:dyDescent="0.25">
      <c r="A97" s="60" t="s">
        <v>71</v>
      </c>
      <c r="B97" s="52" t="s">
        <v>163</v>
      </c>
      <c r="C97" s="46"/>
      <c r="D97" s="109"/>
      <c r="E97" s="110"/>
    </row>
    <row r="98" spans="1:5" s="4" customFormat="1" ht="24.95" customHeight="1" x14ac:dyDescent="0.25">
      <c r="A98" s="60" t="s">
        <v>72</v>
      </c>
      <c r="B98" s="52" t="s">
        <v>115</v>
      </c>
      <c r="C98" s="46"/>
      <c r="D98" s="109"/>
      <c r="E98" s="110"/>
    </row>
    <row r="99" spans="1:5" s="4" customFormat="1" ht="24.95" customHeight="1" x14ac:dyDescent="0.25">
      <c r="A99" s="60" t="s">
        <v>73</v>
      </c>
      <c r="B99" s="52" t="s">
        <v>166</v>
      </c>
      <c r="C99" s="46"/>
      <c r="D99" s="109"/>
      <c r="E99" s="110"/>
    </row>
    <row r="100" spans="1:5" s="4" customFormat="1" ht="24.95" customHeight="1" x14ac:dyDescent="0.25">
      <c r="A100" s="60" t="s">
        <v>74</v>
      </c>
      <c r="B100" s="52" t="s">
        <v>167</v>
      </c>
      <c r="C100" s="46"/>
      <c r="D100" s="109"/>
      <c r="E100" s="110"/>
    </row>
    <row r="101" spans="1:5" s="4" customFormat="1" ht="24.95" customHeight="1" thickBot="1" x14ac:dyDescent="0.3">
      <c r="A101" s="60" t="s">
        <v>75</v>
      </c>
      <c r="B101" s="52" t="s">
        <v>208</v>
      </c>
      <c r="C101" s="46"/>
      <c r="D101" s="109"/>
      <c r="E101" s="110"/>
    </row>
    <row r="102" spans="1:5" s="26" customFormat="1" ht="30.75" customHeight="1" x14ac:dyDescent="0.25">
      <c r="A102" s="103" t="s">
        <v>213</v>
      </c>
      <c r="B102" s="104"/>
      <c r="C102" s="50"/>
      <c r="D102" s="49"/>
      <c r="E102" s="89"/>
    </row>
    <row r="103" spans="1:5" s="4" customFormat="1" ht="24.95" customHeight="1" x14ac:dyDescent="0.25">
      <c r="A103" s="60" t="s">
        <v>70</v>
      </c>
      <c r="B103" s="52" t="s">
        <v>116</v>
      </c>
      <c r="C103" s="46"/>
      <c r="D103" s="82"/>
      <c r="E103" s="90"/>
    </row>
    <row r="104" spans="1:5" s="4" customFormat="1" ht="24.95" customHeight="1" x14ac:dyDescent="0.25">
      <c r="A104" s="60" t="s">
        <v>71</v>
      </c>
      <c r="B104" s="52" t="s">
        <v>168</v>
      </c>
      <c r="C104" s="46"/>
      <c r="D104" s="82"/>
      <c r="E104" s="90"/>
    </row>
    <row r="105" spans="1:5" s="4" customFormat="1" ht="24.95" customHeight="1" x14ac:dyDescent="0.25">
      <c r="A105" s="60" t="s">
        <v>72</v>
      </c>
      <c r="B105" s="52" t="s">
        <v>166</v>
      </c>
      <c r="C105" s="46"/>
      <c r="D105" s="82"/>
      <c r="E105" s="90"/>
    </row>
    <row r="106" spans="1:5" s="4" customFormat="1" ht="24.95" customHeight="1" thickBot="1" x14ac:dyDescent="0.3">
      <c r="A106" s="60" t="s">
        <v>73</v>
      </c>
      <c r="B106" s="52" t="s">
        <v>209</v>
      </c>
      <c r="C106" s="46"/>
      <c r="D106" s="112"/>
      <c r="E106" s="113"/>
    </row>
    <row r="107" spans="1:5" s="26" customFormat="1" ht="24.75" customHeight="1" x14ac:dyDescent="0.25">
      <c r="A107" s="103" t="s">
        <v>169</v>
      </c>
      <c r="B107" s="104"/>
      <c r="C107" s="50"/>
      <c r="D107" s="49"/>
      <c r="E107" s="89"/>
    </row>
    <row r="108" spans="1:5" s="4" customFormat="1" ht="24.95" customHeight="1" x14ac:dyDescent="0.25">
      <c r="A108" s="60" t="s">
        <v>70</v>
      </c>
      <c r="B108" s="65" t="s">
        <v>116</v>
      </c>
      <c r="C108" s="46"/>
      <c r="D108" s="112"/>
      <c r="E108" s="113"/>
    </row>
    <row r="109" spans="1:5" s="4" customFormat="1" ht="24.95" customHeight="1" x14ac:dyDescent="0.25">
      <c r="A109" s="60" t="s">
        <v>71</v>
      </c>
      <c r="B109" s="65" t="s">
        <v>170</v>
      </c>
      <c r="C109" s="46"/>
      <c r="D109" s="82"/>
      <c r="E109" s="90"/>
    </row>
    <row r="110" spans="1:5" s="4" customFormat="1" ht="24.95" customHeight="1" x14ac:dyDescent="0.25">
      <c r="A110" s="60" t="s">
        <v>72</v>
      </c>
      <c r="B110" s="65" t="s">
        <v>171</v>
      </c>
      <c r="C110" s="46"/>
      <c r="D110" s="82"/>
      <c r="E110" s="90"/>
    </row>
    <row r="111" spans="1:5" s="4" customFormat="1" ht="24.95" customHeight="1" thickBot="1" x14ac:dyDescent="0.3">
      <c r="A111" s="60" t="s">
        <v>73</v>
      </c>
      <c r="B111" s="65" t="s">
        <v>210</v>
      </c>
      <c r="C111" s="46"/>
      <c r="D111" s="82"/>
      <c r="E111" s="90"/>
    </row>
    <row r="112" spans="1:5" s="4" customFormat="1" ht="24.95" customHeight="1" x14ac:dyDescent="0.25">
      <c r="A112" s="103" t="s">
        <v>172</v>
      </c>
      <c r="B112" s="104"/>
      <c r="C112" s="46"/>
      <c r="D112" s="49"/>
      <c r="E112" s="89"/>
    </row>
    <row r="113" spans="1:5" s="4" customFormat="1" ht="24.95" customHeight="1" x14ac:dyDescent="0.25">
      <c r="A113" s="60" t="s">
        <v>70</v>
      </c>
      <c r="B113" s="65" t="s">
        <v>173</v>
      </c>
      <c r="C113" s="46"/>
      <c r="D113" s="82"/>
      <c r="E113" s="90"/>
    </row>
    <row r="114" spans="1:5" s="4" customFormat="1" ht="24.95" customHeight="1" x14ac:dyDescent="0.25">
      <c r="A114" s="60" t="s">
        <v>71</v>
      </c>
      <c r="B114" s="65" t="s">
        <v>174</v>
      </c>
      <c r="C114" s="46"/>
      <c r="D114" s="82"/>
      <c r="E114" s="90"/>
    </row>
    <row r="115" spans="1:5" s="4" customFormat="1" ht="24.95" customHeight="1" x14ac:dyDescent="0.25">
      <c r="A115" s="60" t="s">
        <v>72</v>
      </c>
      <c r="B115" s="65" t="s">
        <v>175</v>
      </c>
      <c r="C115" s="46"/>
      <c r="D115" s="82"/>
      <c r="E115" s="90"/>
    </row>
    <row r="116" spans="1:5" s="4" customFormat="1" ht="24.95" customHeight="1" x14ac:dyDescent="0.25">
      <c r="A116" s="60" t="s">
        <v>73</v>
      </c>
      <c r="B116" s="65" t="s">
        <v>176</v>
      </c>
      <c r="C116" s="46"/>
      <c r="D116" s="82"/>
      <c r="E116" s="90"/>
    </row>
    <row r="117" spans="1:5" s="4" customFormat="1" ht="24.95" customHeight="1" x14ac:dyDescent="0.25">
      <c r="A117" s="60" t="s">
        <v>74</v>
      </c>
      <c r="B117" s="65" t="s">
        <v>177</v>
      </c>
      <c r="C117" s="46"/>
      <c r="D117" s="82"/>
      <c r="E117" s="90"/>
    </row>
    <row r="118" spans="1:5" s="4" customFormat="1" ht="24.95" customHeight="1" x14ac:dyDescent="0.25">
      <c r="A118" s="60" t="s">
        <v>75</v>
      </c>
      <c r="B118" s="28" t="s">
        <v>178</v>
      </c>
      <c r="C118" s="46"/>
      <c r="D118" s="82"/>
      <c r="E118" s="90"/>
    </row>
    <row r="119" spans="1:5" s="4" customFormat="1" ht="24.95" customHeight="1" x14ac:dyDescent="0.25">
      <c r="A119" s="60" t="s">
        <v>76</v>
      </c>
      <c r="B119" s="65" t="s">
        <v>179</v>
      </c>
      <c r="C119" s="46"/>
      <c r="D119" s="82"/>
      <c r="E119" s="90"/>
    </row>
    <row r="120" spans="1:5" s="4" customFormat="1" ht="24.95" customHeight="1" x14ac:dyDescent="0.25">
      <c r="A120" s="60" t="s">
        <v>222</v>
      </c>
      <c r="B120" s="65" t="s">
        <v>180</v>
      </c>
      <c r="C120" s="46"/>
      <c r="D120" s="82"/>
      <c r="E120" s="90"/>
    </row>
    <row r="121" spans="1:5" s="4" customFormat="1" ht="24.95" customHeight="1" thickBot="1" x14ac:dyDescent="0.3">
      <c r="A121" s="60" t="s">
        <v>223</v>
      </c>
      <c r="B121" s="65" t="s">
        <v>211</v>
      </c>
      <c r="C121" s="46"/>
      <c r="D121" s="82"/>
      <c r="E121" s="90"/>
    </row>
    <row r="122" spans="1:5" s="4" customFormat="1" ht="24.95" customHeight="1" x14ac:dyDescent="0.25">
      <c r="A122" s="103" t="s">
        <v>181</v>
      </c>
      <c r="B122" s="104"/>
      <c r="C122" s="46"/>
      <c r="D122" s="49"/>
      <c r="E122" s="89"/>
    </row>
    <row r="123" spans="1:5" s="4" customFormat="1" ht="24.95" customHeight="1" x14ac:dyDescent="0.25">
      <c r="A123" s="60" t="s">
        <v>70</v>
      </c>
      <c r="B123" s="65" t="s">
        <v>174</v>
      </c>
      <c r="C123" s="46"/>
      <c r="D123" s="82"/>
      <c r="E123" s="90"/>
    </row>
    <row r="124" spans="1:5" s="4" customFormat="1" ht="24.95" customHeight="1" x14ac:dyDescent="0.25">
      <c r="A124" s="60" t="s">
        <v>71</v>
      </c>
      <c r="B124" s="65" t="s">
        <v>175</v>
      </c>
      <c r="C124" s="46"/>
      <c r="D124" s="82"/>
      <c r="E124" s="90"/>
    </row>
    <row r="125" spans="1:5" s="4" customFormat="1" ht="24.95" customHeight="1" x14ac:dyDescent="0.25">
      <c r="A125" s="60" t="s">
        <v>72</v>
      </c>
      <c r="B125" s="65" t="s">
        <v>176</v>
      </c>
      <c r="C125" s="46"/>
      <c r="D125" s="82"/>
      <c r="E125" s="90"/>
    </row>
    <row r="126" spans="1:5" s="4" customFormat="1" ht="24.95" customHeight="1" x14ac:dyDescent="0.25">
      <c r="A126" s="60" t="s">
        <v>73</v>
      </c>
      <c r="B126" s="65" t="s">
        <v>183</v>
      </c>
      <c r="C126" s="46"/>
      <c r="D126" s="82"/>
      <c r="E126" s="90"/>
    </row>
    <row r="127" spans="1:5" s="4" customFormat="1" ht="24.95" customHeight="1" x14ac:dyDescent="0.25">
      <c r="A127" s="60" t="s">
        <v>74</v>
      </c>
      <c r="B127" s="65" t="s">
        <v>184</v>
      </c>
      <c r="C127" s="46"/>
      <c r="D127" s="82"/>
      <c r="E127" s="90"/>
    </row>
    <row r="128" spans="1:5" s="4" customFormat="1" ht="24.95" customHeight="1" x14ac:dyDescent="0.25">
      <c r="A128" s="60" t="s">
        <v>75</v>
      </c>
      <c r="B128" s="65" t="s">
        <v>182</v>
      </c>
      <c r="C128" s="46"/>
      <c r="D128" s="82"/>
      <c r="E128" s="90"/>
    </row>
    <row r="129" spans="1:5" s="4" customFormat="1" ht="24.95" customHeight="1" x14ac:dyDescent="0.25">
      <c r="A129" s="60" t="s">
        <v>76</v>
      </c>
      <c r="B129" s="65" t="s">
        <v>178</v>
      </c>
      <c r="C129" s="46"/>
      <c r="D129" s="96"/>
      <c r="E129" s="97"/>
    </row>
    <row r="130" spans="1:5" s="4" customFormat="1" ht="24.95" customHeight="1" thickBot="1" x14ac:dyDescent="0.3">
      <c r="A130" s="60" t="s">
        <v>222</v>
      </c>
      <c r="B130" s="65" t="s">
        <v>227</v>
      </c>
      <c r="C130" s="46"/>
      <c r="D130" s="82"/>
      <c r="E130" s="90"/>
    </row>
    <row r="131" spans="1:5" s="4" customFormat="1" ht="24.95" customHeight="1" x14ac:dyDescent="0.25">
      <c r="A131" s="103" t="s">
        <v>203</v>
      </c>
      <c r="B131" s="104"/>
      <c r="C131" s="46"/>
      <c r="D131" s="49"/>
      <c r="E131" s="89"/>
    </row>
    <row r="132" spans="1:5" s="4" customFormat="1" ht="21" customHeight="1" x14ac:dyDescent="0.25">
      <c r="A132" s="60" t="s">
        <v>70</v>
      </c>
      <c r="B132" s="65" t="s">
        <v>191</v>
      </c>
      <c r="C132" s="46"/>
      <c r="D132" s="82"/>
      <c r="E132" s="90"/>
    </row>
    <row r="133" spans="1:5" s="4" customFormat="1" ht="21" customHeight="1" x14ac:dyDescent="0.25">
      <c r="A133" s="60" t="s">
        <v>71</v>
      </c>
      <c r="B133" s="65" t="s">
        <v>116</v>
      </c>
      <c r="C133" s="46"/>
      <c r="D133" s="82"/>
      <c r="E133" s="90"/>
    </row>
    <row r="134" spans="1:5" s="4" customFormat="1" ht="24.95" customHeight="1" x14ac:dyDescent="0.25">
      <c r="A134" s="60" t="s">
        <v>72</v>
      </c>
      <c r="B134" s="65" t="s">
        <v>185</v>
      </c>
      <c r="C134" s="46"/>
      <c r="D134" s="82"/>
      <c r="E134" s="90"/>
    </row>
    <row r="135" spans="1:5" s="4" customFormat="1" ht="24.95" customHeight="1" x14ac:dyDescent="0.25">
      <c r="A135" s="60" t="s">
        <v>73</v>
      </c>
      <c r="B135" s="65" t="s">
        <v>186</v>
      </c>
      <c r="C135" s="46"/>
      <c r="D135" s="82"/>
      <c r="E135" s="90"/>
    </row>
    <row r="136" spans="1:5" s="4" customFormat="1" ht="24.95" customHeight="1" x14ac:dyDescent="0.25">
      <c r="A136" s="60" t="s">
        <v>74</v>
      </c>
      <c r="B136" s="65" t="s">
        <v>187</v>
      </c>
      <c r="C136" s="46"/>
      <c r="D136" s="82"/>
      <c r="E136" s="90"/>
    </row>
    <row r="137" spans="1:5" s="4" customFormat="1" ht="24.95" customHeight="1" thickBot="1" x14ac:dyDescent="0.3">
      <c r="A137" s="60" t="s">
        <v>75</v>
      </c>
      <c r="B137" s="65" t="s">
        <v>188</v>
      </c>
      <c r="C137" s="46"/>
      <c r="D137" s="82"/>
      <c r="E137" s="90"/>
    </row>
    <row r="138" spans="1:5" s="4" customFormat="1" ht="24.95" customHeight="1" x14ac:dyDescent="0.25">
      <c r="A138" s="103" t="s">
        <v>204</v>
      </c>
      <c r="B138" s="104"/>
      <c r="C138" s="46"/>
      <c r="D138" s="49"/>
      <c r="E138" s="89"/>
    </row>
    <row r="139" spans="1:5" s="4" customFormat="1" ht="24.95" customHeight="1" x14ac:dyDescent="0.25">
      <c r="A139" s="60" t="s">
        <v>70</v>
      </c>
      <c r="B139" s="65" t="s">
        <v>192</v>
      </c>
      <c r="C139" s="46"/>
      <c r="D139" s="82"/>
      <c r="E139" s="90"/>
    </row>
    <row r="140" spans="1:5" s="4" customFormat="1" ht="24.95" customHeight="1" x14ac:dyDescent="0.25">
      <c r="A140" s="60" t="s">
        <v>71</v>
      </c>
      <c r="B140" s="65" t="s">
        <v>116</v>
      </c>
      <c r="C140" s="46"/>
      <c r="D140" s="82"/>
      <c r="E140" s="90"/>
    </row>
    <row r="141" spans="1:5" s="4" customFormat="1" ht="24.95" customHeight="1" x14ac:dyDescent="0.25">
      <c r="A141" s="60" t="s">
        <v>72</v>
      </c>
      <c r="B141" s="65" t="s">
        <v>189</v>
      </c>
      <c r="C141" s="46"/>
      <c r="D141" s="82"/>
      <c r="E141" s="90"/>
    </row>
    <row r="142" spans="1:5" s="4" customFormat="1" ht="24.95" customHeight="1" x14ac:dyDescent="0.25">
      <c r="A142" s="60" t="s">
        <v>73</v>
      </c>
      <c r="B142" s="65" t="s">
        <v>185</v>
      </c>
      <c r="C142" s="46"/>
      <c r="D142" s="82"/>
      <c r="E142" s="90"/>
    </row>
    <row r="143" spans="1:5" s="4" customFormat="1" ht="24.95" customHeight="1" x14ac:dyDescent="0.25">
      <c r="A143" s="60" t="s">
        <v>74</v>
      </c>
      <c r="B143" s="65" t="s">
        <v>190</v>
      </c>
      <c r="C143" s="46"/>
      <c r="D143" s="82"/>
      <c r="E143" s="90"/>
    </row>
    <row r="144" spans="1:5" s="4" customFormat="1" ht="24.95" customHeight="1" x14ac:dyDescent="0.25">
      <c r="A144" s="60" t="s">
        <v>75</v>
      </c>
      <c r="B144" s="65" t="s">
        <v>187</v>
      </c>
      <c r="C144" s="46"/>
      <c r="D144" s="82"/>
      <c r="E144" s="90"/>
    </row>
    <row r="145" spans="1:5" s="4" customFormat="1" ht="24.95" customHeight="1" thickBot="1" x14ac:dyDescent="0.3">
      <c r="A145" s="95" t="s">
        <v>76</v>
      </c>
      <c r="B145" s="86" t="s">
        <v>188</v>
      </c>
      <c r="C145" s="87"/>
      <c r="D145" s="88"/>
      <c r="E145" s="91"/>
    </row>
    <row r="146" spans="1:5" s="3" customFormat="1" ht="6.75" customHeight="1" x14ac:dyDescent="0.25">
      <c r="A146" s="5"/>
      <c r="B146" s="5"/>
      <c r="C146" s="7"/>
      <c r="D146" s="7"/>
      <c r="E146" s="27"/>
    </row>
    <row r="147" spans="1:5" s="2" customFormat="1" ht="20.100000000000001" customHeight="1" x14ac:dyDescent="0.25">
      <c r="A147" s="161" t="s">
        <v>47</v>
      </c>
      <c r="B147" s="161"/>
      <c r="C147" s="161"/>
      <c r="D147" s="161"/>
      <c r="E147" s="161"/>
    </row>
    <row r="148" spans="1:5" s="2" customFormat="1" ht="5.0999999999999996" customHeight="1" thickBot="1" x14ac:dyDescent="0.3">
      <c r="A148" s="17"/>
      <c r="C148" s="6"/>
      <c r="D148" s="6"/>
      <c r="E148" s="6"/>
    </row>
    <row r="149" spans="1:5" s="3" customFormat="1" ht="84.75" customHeight="1" x14ac:dyDescent="0.25">
      <c r="A149" s="120" t="s">
        <v>8</v>
      </c>
      <c r="B149" s="121"/>
      <c r="C149" s="124" t="s">
        <v>219</v>
      </c>
      <c r="D149" s="125"/>
      <c r="E149" s="126"/>
    </row>
    <row r="150" spans="1:5" s="3" customFormat="1" ht="41.25" customHeight="1" thickBot="1" x14ac:dyDescent="0.3">
      <c r="A150" s="122"/>
      <c r="B150" s="123"/>
      <c r="C150" s="25" t="s">
        <v>7</v>
      </c>
      <c r="D150" s="107" t="s">
        <v>28</v>
      </c>
      <c r="E150" s="108"/>
    </row>
    <row r="151" spans="1:5" s="2" customFormat="1" ht="59.25" customHeight="1" x14ac:dyDescent="0.25">
      <c r="A151" s="13" t="s">
        <v>15</v>
      </c>
      <c r="B151" s="28" t="s">
        <v>110</v>
      </c>
      <c r="C151" s="45"/>
      <c r="D151" s="159"/>
      <c r="E151" s="160"/>
    </row>
    <row r="152" spans="1:5" s="2" customFormat="1" ht="62.25" customHeight="1" x14ac:dyDescent="0.25">
      <c r="A152" s="13" t="s">
        <v>55</v>
      </c>
      <c r="B152" s="28" t="s">
        <v>84</v>
      </c>
      <c r="C152" s="46"/>
      <c r="D152" s="105"/>
      <c r="E152" s="106"/>
    </row>
    <row r="153" spans="1:5" s="2" customFormat="1" ht="27" customHeight="1" x14ac:dyDescent="0.25">
      <c r="A153" s="13" t="s">
        <v>56</v>
      </c>
      <c r="B153" s="28" t="s">
        <v>85</v>
      </c>
      <c r="C153" s="46"/>
      <c r="D153" s="105"/>
      <c r="E153" s="106"/>
    </row>
    <row r="154" spans="1:5" s="2" customFormat="1" ht="24.95" customHeight="1" x14ac:dyDescent="0.25">
      <c r="A154" s="73" t="s">
        <v>77</v>
      </c>
      <c r="B154" s="28" t="s">
        <v>108</v>
      </c>
      <c r="C154" s="46"/>
      <c r="D154" s="105"/>
      <c r="E154" s="106"/>
    </row>
    <row r="155" spans="1:5" s="2" customFormat="1" ht="29.25" customHeight="1" x14ac:dyDescent="0.25">
      <c r="A155" s="73" t="s">
        <v>78</v>
      </c>
      <c r="B155" s="28" t="s">
        <v>86</v>
      </c>
      <c r="C155" s="46"/>
      <c r="D155" s="105"/>
      <c r="E155" s="106"/>
    </row>
    <row r="156" spans="1:5" s="2" customFormat="1" ht="24" customHeight="1" x14ac:dyDescent="0.25">
      <c r="A156" s="73" t="s">
        <v>79</v>
      </c>
      <c r="B156" s="28" t="s">
        <v>87</v>
      </c>
      <c r="C156" s="46"/>
      <c r="D156" s="105"/>
      <c r="E156" s="106"/>
    </row>
    <row r="157" spans="1:5" s="2" customFormat="1" ht="24" customHeight="1" x14ac:dyDescent="0.25">
      <c r="A157" s="73" t="s">
        <v>80</v>
      </c>
      <c r="B157" s="28" t="s">
        <v>109</v>
      </c>
      <c r="C157" s="46"/>
      <c r="D157" s="105"/>
      <c r="E157" s="106"/>
    </row>
    <row r="158" spans="1:5" s="2" customFormat="1" ht="147" customHeight="1" x14ac:dyDescent="0.25">
      <c r="A158" s="73" t="s">
        <v>81</v>
      </c>
      <c r="B158" s="28" t="s">
        <v>88</v>
      </c>
      <c r="C158" s="46"/>
      <c r="D158" s="105"/>
      <c r="E158" s="106"/>
    </row>
    <row r="159" spans="1:5" s="2" customFormat="1" ht="142.5" customHeight="1" x14ac:dyDescent="0.25">
      <c r="A159" s="13" t="s">
        <v>57</v>
      </c>
      <c r="B159" s="28" t="s">
        <v>89</v>
      </c>
      <c r="C159" s="46"/>
      <c r="D159" s="105"/>
      <c r="E159" s="106"/>
    </row>
    <row r="160" spans="1:5" s="2" customFormat="1" ht="51" customHeight="1" x14ac:dyDescent="0.25">
      <c r="A160" s="13" t="s">
        <v>58</v>
      </c>
      <c r="B160" s="28" t="s">
        <v>103</v>
      </c>
      <c r="C160" s="46"/>
      <c r="D160" s="105"/>
      <c r="E160" s="106"/>
    </row>
    <row r="161" spans="1:5" s="2" customFormat="1" ht="114.75" customHeight="1" x14ac:dyDescent="0.25">
      <c r="A161" s="13" t="s">
        <v>59</v>
      </c>
      <c r="B161" s="28" t="s">
        <v>215</v>
      </c>
      <c r="C161" s="46"/>
      <c r="D161" s="105"/>
      <c r="E161" s="106"/>
    </row>
    <row r="162" spans="1:5" s="2" customFormat="1" ht="95.25" customHeight="1" x14ac:dyDescent="0.25">
      <c r="A162" s="13" t="s">
        <v>60</v>
      </c>
      <c r="B162" s="93" t="s">
        <v>216</v>
      </c>
      <c r="C162" s="46"/>
      <c r="D162" s="105"/>
      <c r="E162" s="106"/>
    </row>
    <row r="163" spans="1:5" s="2" customFormat="1" ht="286.5" customHeight="1" x14ac:dyDescent="0.25">
      <c r="A163" s="13" t="s">
        <v>61</v>
      </c>
      <c r="B163" s="28" t="s">
        <v>224</v>
      </c>
      <c r="C163" s="46"/>
      <c r="D163" s="105"/>
      <c r="E163" s="106"/>
    </row>
    <row r="164" spans="1:5" s="2" customFormat="1" ht="143.25" customHeight="1" x14ac:dyDescent="0.25">
      <c r="A164" s="13" t="s">
        <v>62</v>
      </c>
      <c r="B164" s="28" t="s">
        <v>90</v>
      </c>
      <c r="C164" s="46"/>
      <c r="D164" s="105"/>
      <c r="E164" s="106"/>
    </row>
    <row r="165" spans="1:5" s="2" customFormat="1" ht="61.5" customHeight="1" x14ac:dyDescent="0.25">
      <c r="A165" s="13" t="s">
        <v>114</v>
      </c>
      <c r="B165" s="28" t="s">
        <v>225</v>
      </c>
      <c r="C165" s="46"/>
      <c r="D165" s="105"/>
      <c r="E165" s="106"/>
    </row>
    <row r="166" spans="1:5" s="2" customFormat="1" ht="180" customHeight="1" x14ac:dyDescent="0.25">
      <c r="A166" s="13" t="s">
        <v>69</v>
      </c>
      <c r="B166" s="28" t="s">
        <v>91</v>
      </c>
      <c r="C166" s="46"/>
      <c r="D166" s="105"/>
      <c r="E166" s="106"/>
    </row>
    <row r="167" spans="1:5" s="2" customFormat="1" ht="138.75" customHeight="1" x14ac:dyDescent="0.25">
      <c r="A167" s="13" t="s">
        <v>63</v>
      </c>
      <c r="B167" s="28" t="s">
        <v>134</v>
      </c>
      <c r="C167" s="46"/>
      <c r="D167" s="141"/>
      <c r="E167" s="142"/>
    </row>
    <row r="168" spans="1:5" s="2" customFormat="1" ht="89.25" customHeight="1" x14ac:dyDescent="0.25">
      <c r="A168" s="13" t="s">
        <v>92</v>
      </c>
      <c r="B168" s="28" t="s">
        <v>217</v>
      </c>
      <c r="C168" s="46"/>
      <c r="D168" s="141"/>
      <c r="E168" s="142"/>
    </row>
    <row r="169" spans="1:5" s="2" customFormat="1" ht="77.25" customHeight="1" x14ac:dyDescent="0.25">
      <c r="A169" s="13" t="s">
        <v>93</v>
      </c>
      <c r="B169" s="28" t="s">
        <v>98</v>
      </c>
      <c r="C169" s="46"/>
      <c r="D169" s="105"/>
      <c r="E169" s="106"/>
    </row>
    <row r="170" spans="1:5" s="2" customFormat="1" ht="48.75" customHeight="1" x14ac:dyDescent="0.25">
      <c r="A170" s="13" t="s">
        <v>95</v>
      </c>
      <c r="B170" s="28" t="s">
        <v>94</v>
      </c>
      <c r="C170" s="46"/>
      <c r="D170" s="105"/>
      <c r="E170" s="106"/>
    </row>
    <row r="171" spans="1:5" s="2" customFormat="1" ht="60.75" customHeight="1" x14ac:dyDescent="0.25">
      <c r="A171" s="13" t="s">
        <v>100</v>
      </c>
      <c r="B171" s="94" t="s">
        <v>99</v>
      </c>
      <c r="C171" s="46"/>
      <c r="D171" s="105"/>
      <c r="E171" s="106"/>
    </row>
    <row r="172" spans="1:5" s="2" customFormat="1" ht="88.5" customHeight="1" x14ac:dyDescent="0.25">
      <c r="A172" s="13" t="s">
        <v>101</v>
      </c>
      <c r="B172" s="28" t="s">
        <v>96</v>
      </c>
      <c r="C172" s="46"/>
      <c r="D172" s="105"/>
      <c r="E172" s="106"/>
    </row>
    <row r="173" spans="1:5" s="2" customFormat="1" ht="231.75" customHeight="1" x14ac:dyDescent="0.25">
      <c r="A173" s="70" t="s">
        <v>102</v>
      </c>
      <c r="B173" s="71" t="s">
        <v>123</v>
      </c>
      <c r="C173" s="46"/>
      <c r="D173" s="157"/>
      <c r="E173" s="158"/>
    </row>
    <row r="174" spans="1:5" s="2" customFormat="1" ht="111.75" customHeight="1" x14ac:dyDescent="0.25">
      <c r="A174" s="70" t="s">
        <v>104</v>
      </c>
      <c r="B174" s="28" t="s">
        <v>97</v>
      </c>
      <c r="C174" s="46"/>
      <c r="D174" s="157"/>
      <c r="E174" s="158"/>
    </row>
    <row r="175" spans="1:5" s="2" customFormat="1" ht="156.75" customHeight="1" x14ac:dyDescent="0.25">
      <c r="A175" s="70" t="s">
        <v>105</v>
      </c>
      <c r="B175" s="72" t="s">
        <v>124</v>
      </c>
      <c r="C175" s="46"/>
      <c r="D175" s="157"/>
      <c r="E175" s="158"/>
    </row>
    <row r="176" spans="1:5" s="2" customFormat="1" ht="135.75" customHeight="1" thickBot="1" x14ac:dyDescent="0.3">
      <c r="A176" s="48" t="s">
        <v>106</v>
      </c>
      <c r="B176" s="62" t="s">
        <v>125</v>
      </c>
      <c r="C176" s="46"/>
      <c r="D176" s="152"/>
      <c r="E176" s="153"/>
    </row>
    <row r="177" spans="1:5" s="3" customFormat="1" ht="5.0999999999999996" customHeight="1" x14ac:dyDescent="0.25">
      <c r="A177" s="5"/>
      <c r="B177" s="5"/>
      <c r="C177" s="7"/>
      <c r="D177" s="7"/>
      <c r="E177" s="27"/>
    </row>
    <row r="178" spans="1:5" s="2" customFormat="1" ht="20.100000000000001" customHeight="1" x14ac:dyDescent="0.25">
      <c r="A178" s="171" t="s">
        <v>53</v>
      </c>
      <c r="B178" s="171"/>
      <c r="C178" s="171"/>
      <c r="D178" s="171"/>
      <c r="E178" s="171"/>
    </row>
    <row r="179" spans="1:5" s="2" customFormat="1" ht="4.5" customHeight="1" thickBot="1" x14ac:dyDescent="0.3"/>
    <row r="180" spans="1:5" s="2" customFormat="1" ht="80.25" customHeight="1" x14ac:dyDescent="0.25">
      <c r="A180" s="120" t="s">
        <v>126</v>
      </c>
      <c r="B180" s="121"/>
      <c r="C180" s="124" t="s">
        <v>220</v>
      </c>
      <c r="D180" s="125"/>
      <c r="E180" s="126"/>
    </row>
    <row r="181" spans="1:5" s="3" customFormat="1" ht="29.25" customHeight="1" thickBot="1" x14ac:dyDescent="0.3">
      <c r="A181" s="122"/>
      <c r="B181" s="123"/>
      <c r="C181" s="25" t="s">
        <v>7</v>
      </c>
      <c r="D181" s="107" t="s">
        <v>28</v>
      </c>
      <c r="E181" s="108"/>
    </row>
    <row r="182" spans="1:5" s="3" customFormat="1" ht="27" customHeight="1" x14ac:dyDescent="0.25">
      <c r="A182" s="165" t="s">
        <v>127</v>
      </c>
      <c r="B182" s="166"/>
      <c r="C182" s="43"/>
      <c r="D182" s="137"/>
      <c r="E182" s="138"/>
    </row>
    <row r="183" spans="1:5" s="3" customFormat="1" ht="43.5" customHeight="1" x14ac:dyDescent="0.25">
      <c r="A183" s="73" t="s">
        <v>29</v>
      </c>
      <c r="B183" s="76" t="s">
        <v>129</v>
      </c>
      <c r="C183" s="43"/>
      <c r="D183" s="77"/>
      <c r="E183" s="78"/>
    </row>
    <row r="184" spans="1:5" s="3" customFormat="1" ht="48" customHeight="1" x14ac:dyDescent="0.25">
      <c r="A184" s="73" t="s">
        <v>30</v>
      </c>
      <c r="B184" s="68" t="s">
        <v>130</v>
      </c>
      <c r="C184" s="43"/>
      <c r="D184" s="163"/>
      <c r="E184" s="164"/>
    </row>
    <row r="185" spans="1:5" s="3" customFormat="1" ht="67.5" customHeight="1" x14ac:dyDescent="0.25">
      <c r="A185" s="73" t="s">
        <v>31</v>
      </c>
      <c r="B185" s="68" t="s">
        <v>131</v>
      </c>
      <c r="C185" s="43"/>
      <c r="D185" s="75"/>
      <c r="E185" s="74"/>
    </row>
    <row r="186" spans="1:5" s="3" customFormat="1" ht="98.25" customHeight="1" x14ac:dyDescent="0.25">
      <c r="A186" s="73" t="s">
        <v>82</v>
      </c>
      <c r="B186" s="81" t="s">
        <v>133</v>
      </c>
      <c r="C186" s="41"/>
      <c r="D186" s="139"/>
      <c r="E186" s="140"/>
    </row>
    <row r="187" spans="1:5" s="2" customFormat="1" ht="125.25" customHeight="1" thickBot="1" x14ac:dyDescent="0.3">
      <c r="A187" s="79" t="s">
        <v>83</v>
      </c>
      <c r="B187" s="80" t="s">
        <v>132</v>
      </c>
      <c r="C187" s="42"/>
      <c r="D187" s="167"/>
      <c r="E187" s="168"/>
    </row>
    <row r="188" spans="1:5" s="2" customFormat="1" ht="5.0999999999999996" customHeight="1" x14ac:dyDescent="0.25">
      <c r="A188" s="5"/>
      <c r="B188" s="5"/>
      <c r="C188" s="7"/>
      <c r="D188" s="7"/>
      <c r="E188" s="27"/>
    </row>
    <row r="189" spans="1:5" s="2" customFormat="1" ht="20.100000000000001" customHeight="1" x14ac:dyDescent="0.25">
      <c r="A189" s="161" t="s">
        <v>14</v>
      </c>
      <c r="B189" s="161"/>
      <c r="C189" s="161"/>
      <c r="D189" s="161"/>
      <c r="E189" s="161"/>
    </row>
    <row r="190" spans="1:5" s="3" customFormat="1" ht="27" customHeight="1" x14ac:dyDescent="0.25">
      <c r="A190" s="5" t="s">
        <v>16</v>
      </c>
      <c r="B190" s="155" t="s">
        <v>221</v>
      </c>
      <c r="C190" s="155"/>
      <c r="D190" s="155"/>
      <c r="E190" s="155"/>
    </row>
    <row r="191" spans="1:5" s="30" customFormat="1" ht="17.25" customHeight="1" x14ac:dyDescent="0.25">
      <c r="A191" s="5" t="s">
        <v>32</v>
      </c>
      <c r="B191" s="155" t="s">
        <v>33</v>
      </c>
      <c r="C191" s="155"/>
      <c r="D191" s="155"/>
      <c r="E191" s="155"/>
    </row>
    <row r="192" spans="1:5" s="30" customFormat="1" ht="72" customHeight="1" x14ac:dyDescent="0.25">
      <c r="A192" s="156" t="s">
        <v>34</v>
      </c>
      <c r="B192" s="156"/>
      <c r="C192" s="156"/>
      <c r="D192" s="156"/>
      <c r="E192" s="3"/>
    </row>
    <row r="193" spans="1:5" s="2" customFormat="1" ht="24.95" customHeight="1" x14ac:dyDescent="0.25">
      <c r="A193" s="29" t="s">
        <v>35</v>
      </c>
      <c r="B193" s="149"/>
      <c r="C193" s="149"/>
      <c r="E193" s="30"/>
    </row>
    <row r="194" spans="1:5" s="2" customFormat="1" ht="24.95" customHeight="1" x14ac:dyDescent="0.25">
      <c r="A194" s="29" t="s">
        <v>36</v>
      </c>
      <c r="B194" s="150"/>
      <c r="C194" s="150"/>
      <c r="E194" s="30"/>
    </row>
    <row r="195" spans="1:5" s="2" customFormat="1" ht="24.95" customHeight="1" x14ac:dyDescent="0.25">
      <c r="A195" s="29" t="s">
        <v>37</v>
      </c>
      <c r="B195" s="150"/>
      <c r="C195" s="150"/>
      <c r="E195" s="30"/>
    </row>
    <row r="196" spans="1:5" s="3" customFormat="1" ht="24.95" customHeight="1" x14ac:dyDescent="0.25">
      <c r="A196" s="29" t="s">
        <v>38</v>
      </c>
      <c r="B196" s="150"/>
      <c r="C196" s="150"/>
      <c r="D196" s="2"/>
      <c r="E196" s="31"/>
    </row>
    <row r="197" spans="1:5" s="2" customFormat="1" ht="12.75" customHeight="1" x14ac:dyDescent="0.2">
      <c r="A197" s="11"/>
      <c r="B197" s="12"/>
      <c r="C197" s="12"/>
      <c r="E197" s="32"/>
    </row>
    <row r="198" spans="1:5" s="3" customFormat="1" ht="15" customHeight="1" x14ac:dyDescent="0.25">
      <c r="A198" s="154" t="s">
        <v>39</v>
      </c>
      <c r="B198" s="154"/>
      <c r="C198" s="154"/>
      <c r="D198" s="154"/>
      <c r="E198" s="154"/>
    </row>
    <row r="199" spans="1:5" s="2" customFormat="1" ht="36.75" customHeight="1" x14ac:dyDescent="0.25">
      <c r="A199" s="151" t="s">
        <v>50</v>
      </c>
      <c r="B199" s="151"/>
      <c r="C199" s="151"/>
      <c r="D199" s="151"/>
      <c r="E199" s="151"/>
    </row>
    <row r="200" spans="1:5" s="2" customFormat="1" ht="8.25" customHeight="1" x14ac:dyDescent="0.2">
      <c r="A200" s="1"/>
      <c r="B200" s="1"/>
      <c r="C200" s="8"/>
      <c r="D200" s="8"/>
    </row>
    <row r="201" spans="1:5" s="3" customFormat="1" ht="4.5" customHeight="1" x14ac:dyDescent="0.2">
      <c r="A201" s="1"/>
      <c r="B201" s="1"/>
      <c r="C201" s="8"/>
      <c r="D201" s="8"/>
      <c r="E201" s="2"/>
    </row>
    <row r="202" spans="1:5" s="3" customFormat="1" ht="20.100000000000001" customHeight="1" x14ac:dyDescent="0.25">
      <c r="A202" s="33" t="s">
        <v>40</v>
      </c>
      <c r="B202" s="58"/>
      <c r="C202" s="34" t="s">
        <v>41</v>
      </c>
      <c r="D202" s="162"/>
      <c r="E202" s="162"/>
    </row>
    <row r="203" spans="1:5" s="3" customFormat="1" ht="20.100000000000001" customHeight="1" x14ac:dyDescent="0.25">
      <c r="A203" s="53" t="s">
        <v>42</v>
      </c>
      <c r="B203" s="59"/>
      <c r="C203" s="35"/>
      <c r="D203" s="36"/>
      <c r="E203" s="36"/>
    </row>
    <row r="204" spans="1:5" ht="20.100000000000001" customHeight="1" x14ac:dyDescent="0.2">
      <c r="C204" s="37" t="s">
        <v>43</v>
      </c>
      <c r="D204" s="149"/>
      <c r="E204" s="149"/>
    </row>
    <row r="205" spans="1:5" s="2" customFormat="1" ht="20.100000000000001" customHeight="1" x14ac:dyDescent="0.2">
      <c r="A205" s="1"/>
      <c r="B205" s="1"/>
      <c r="C205" s="37" t="s">
        <v>44</v>
      </c>
      <c r="D205" s="150"/>
      <c r="E205" s="150"/>
    </row>
    <row r="206" spans="1:5" s="2" customFormat="1" ht="20.100000000000001" customHeight="1" x14ac:dyDescent="0.2">
      <c r="A206" s="1"/>
      <c r="B206" s="1"/>
      <c r="C206" s="38" t="s">
        <v>45</v>
      </c>
      <c r="D206" s="1"/>
    </row>
    <row r="207" spans="1:5" s="2" customFormat="1" ht="37.5" customHeight="1" x14ac:dyDescent="0.25"/>
    <row r="208" spans="1:5" s="2" customFormat="1" ht="24" customHeight="1" x14ac:dyDescent="0.25">
      <c r="A208" s="101"/>
      <c r="B208" s="102" t="s">
        <v>226</v>
      </c>
    </row>
    <row r="209" spans="1:4" s="2" customFormat="1" ht="24" customHeight="1" x14ac:dyDescent="0.25"/>
    <row r="210" spans="1:4" s="2" customFormat="1" ht="24" customHeight="1" x14ac:dyDescent="0.25"/>
    <row r="211" spans="1:4" s="2" customFormat="1" ht="20.100000000000001" customHeight="1" x14ac:dyDescent="0.25"/>
    <row r="212" spans="1:4" s="2" customFormat="1" ht="20.100000000000001" customHeight="1" x14ac:dyDescent="0.25"/>
    <row r="213" spans="1:4" s="2" customFormat="1" ht="50.1" customHeight="1" x14ac:dyDescent="0.25"/>
    <row r="214" spans="1:4" s="2" customFormat="1" ht="43.5" customHeight="1" x14ac:dyDescent="0.25"/>
    <row r="215" spans="1:4" ht="24.75" customHeight="1" x14ac:dyDescent="0.2">
      <c r="A215" s="2"/>
      <c r="B215" s="2"/>
      <c r="C215" s="2"/>
      <c r="D215" s="2"/>
    </row>
    <row r="216" spans="1:4" x14ac:dyDescent="0.2">
      <c r="A216" s="2"/>
      <c r="B216" s="2"/>
      <c r="C216" s="2"/>
      <c r="D216" s="2"/>
    </row>
    <row r="217" spans="1:4" ht="20.100000000000001" customHeight="1" x14ac:dyDescent="0.2"/>
    <row r="218" spans="1:4" ht="4.5" customHeight="1" x14ac:dyDescent="0.2"/>
    <row r="219" spans="1:4" ht="20.100000000000001" customHeight="1" x14ac:dyDescent="0.2"/>
    <row r="220" spans="1:4" ht="20.100000000000001" customHeight="1" x14ac:dyDescent="0.2"/>
    <row r="221" spans="1:4" ht="20.100000000000001" customHeight="1" x14ac:dyDescent="0.2"/>
  </sheetData>
  <mergeCells count="139">
    <mergeCell ref="A189:E189"/>
    <mergeCell ref="A47:E47"/>
    <mergeCell ref="A22:E22"/>
    <mergeCell ref="A19:E19"/>
    <mergeCell ref="A8:E8"/>
    <mergeCell ref="D202:E202"/>
    <mergeCell ref="D153:E153"/>
    <mergeCell ref="D184:E184"/>
    <mergeCell ref="A182:B182"/>
    <mergeCell ref="D162:E162"/>
    <mergeCell ref="D160:E160"/>
    <mergeCell ref="D161:E161"/>
    <mergeCell ref="D163:E163"/>
    <mergeCell ref="D164:E164"/>
    <mergeCell ref="D154:E154"/>
    <mergeCell ref="D174:E174"/>
    <mergeCell ref="D175:E175"/>
    <mergeCell ref="A147:E147"/>
    <mergeCell ref="D187:E187"/>
    <mergeCell ref="A180:B181"/>
    <mergeCell ref="B39:C39"/>
    <mergeCell ref="C180:E180"/>
    <mergeCell ref="D181:E181"/>
    <mergeCell ref="A178:E178"/>
    <mergeCell ref="D204:E204"/>
    <mergeCell ref="D205:E205"/>
    <mergeCell ref="A199:E199"/>
    <mergeCell ref="D172:E172"/>
    <mergeCell ref="D176:E176"/>
    <mergeCell ref="A89:B89"/>
    <mergeCell ref="B193:C193"/>
    <mergeCell ref="B194:C194"/>
    <mergeCell ref="B195:C195"/>
    <mergeCell ref="B196:C196"/>
    <mergeCell ref="A198:E198"/>
    <mergeCell ref="B190:E190"/>
    <mergeCell ref="B191:E191"/>
    <mergeCell ref="A192:D192"/>
    <mergeCell ref="D165:E165"/>
    <mergeCell ref="D166:E166"/>
    <mergeCell ref="D169:E169"/>
    <mergeCell ref="D170:E170"/>
    <mergeCell ref="D171:E171"/>
    <mergeCell ref="A112:B112"/>
    <mergeCell ref="A122:B122"/>
    <mergeCell ref="D173:E173"/>
    <mergeCell ref="D151:E151"/>
    <mergeCell ref="D152:E152"/>
    <mergeCell ref="D182:E182"/>
    <mergeCell ref="D186:E186"/>
    <mergeCell ref="D167:E167"/>
    <mergeCell ref="D168:E168"/>
    <mergeCell ref="A1:E1"/>
    <mergeCell ref="A13:C13"/>
    <mergeCell ref="A24:B24"/>
    <mergeCell ref="A27:B27"/>
    <mergeCell ref="A2:E2"/>
    <mergeCell ref="B29:C29"/>
    <mergeCell ref="A68:B68"/>
    <mergeCell ref="A76:B76"/>
    <mergeCell ref="A21:C21"/>
    <mergeCell ref="D58:E58"/>
    <mergeCell ref="D52:E52"/>
    <mergeCell ref="B30:C30"/>
    <mergeCell ref="A59:B59"/>
    <mergeCell ref="D60:E60"/>
    <mergeCell ref="D61:E61"/>
    <mergeCell ref="D62:E62"/>
    <mergeCell ref="A149:B150"/>
    <mergeCell ref="D53:E53"/>
    <mergeCell ref="D70:E70"/>
    <mergeCell ref="D71:E71"/>
    <mergeCell ref="D72:E72"/>
    <mergeCell ref="D73:E73"/>
    <mergeCell ref="D74:E74"/>
    <mergeCell ref="D75:E75"/>
    <mergeCell ref="C149:E149"/>
    <mergeCell ref="D96:E96"/>
    <mergeCell ref="D108:E108"/>
    <mergeCell ref="D63:E63"/>
    <mergeCell ref="D64:E64"/>
    <mergeCell ref="D65:E65"/>
    <mergeCell ref="D69:E69"/>
    <mergeCell ref="D84:E84"/>
    <mergeCell ref="D85:E85"/>
    <mergeCell ref="D78:E78"/>
    <mergeCell ref="D79:E79"/>
    <mergeCell ref="D80:E80"/>
    <mergeCell ref="D81:E81"/>
    <mergeCell ref="D82:E82"/>
    <mergeCell ref="D57:E57"/>
    <mergeCell ref="D66:E66"/>
    <mergeCell ref="A3:E3"/>
    <mergeCell ref="A9:E9"/>
    <mergeCell ref="A10:E10"/>
    <mergeCell ref="A12:E12"/>
    <mergeCell ref="A14:C14"/>
    <mergeCell ref="A49:B50"/>
    <mergeCell ref="C49:E49"/>
    <mergeCell ref="D50:E50"/>
    <mergeCell ref="A23:E23"/>
    <mergeCell ref="B28:C28"/>
    <mergeCell ref="A43:B43"/>
    <mergeCell ref="A17:C17"/>
    <mergeCell ref="A18:C18"/>
    <mergeCell ref="A20:E20"/>
    <mergeCell ref="D159:E159"/>
    <mergeCell ref="C26:E26"/>
    <mergeCell ref="A102:B102"/>
    <mergeCell ref="A107:B107"/>
    <mergeCell ref="D101:E101"/>
    <mergeCell ref="D106:E106"/>
    <mergeCell ref="D92:E92"/>
    <mergeCell ref="D93:E93"/>
    <mergeCell ref="D94:E94"/>
    <mergeCell ref="D90:E90"/>
    <mergeCell ref="D91:E91"/>
    <mergeCell ref="D86:E86"/>
    <mergeCell ref="D97:E97"/>
    <mergeCell ref="D87:E87"/>
    <mergeCell ref="D88:E88"/>
    <mergeCell ref="D77:E77"/>
    <mergeCell ref="A138:B138"/>
    <mergeCell ref="A131:B131"/>
    <mergeCell ref="A51:B51"/>
    <mergeCell ref="D54:E54"/>
    <mergeCell ref="D55:E55"/>
    <mergeCell ref="D67:E67"/>
    <mergeCell ref="A95:B95"/>
    <mergeCell ref="D56:E56"/>
    <mergeCell ref="A83:B83"/>
    <mergeCell ref="D155:E155"/>
    <mergeCell ref="D156:E156"/>
    <mergeCell ref="D157:E157"/>
    <mergeCell ref="D150:E150"/>
    <mergeCell ref="D98:E98"/>
    <mergeCell ref="D99:E99"/>
    <mergeCell ref="D100:E100"/>
    <mergeCell ref="D158:E158"/>
  </mergeCells>
  <conditionalFormatting sqref="B193:C196 C103:C106 C123:C130 C132:C137 C139:C145 C96:C101 C52:C59 C68:C94 C108:C121 C182:C185 C151:C176">
    <cfRule type="containsBlanks" dxfId="12" priority="58">
      <formula>LEN(TRIM(B52))=0</formula>
    </cfRule>
  </conditionalFormatting>
  <conditionalFormatting sqref="D204:E204">
    <cfRule type="containsBlanks" dxfId="11" priority="57">
      <formula>LEN(TRIM(D204))=0</formula>
    </cfRule>
  </conditionalFormatting>
  <conditionalFormatting sqref="D205:E205">
    <cfRule type="containsBlanks" dxfId="10" priority="56">
      <formula>LEN(TRIM(D205))=0</formula>
    </cfRule>
  </conditionalFormatting>
  <conditionalFormatting sqref="C186">
    <cfRule type="containsBlanks" dxfId="9" priority="46">
      <formula>LEN(TRIM(C186))=0</formula>
    </cfRule>
  </conditionalFormatting>
  <conditionalFormatting sqref="C187">
    <cfRule type="containsBlanks" dxfId="8" priority="44">
      <formula>LEN(TRIM(C187))=0</formula>
    </cfRule>
  </conditionalFormatting>
  <conditionalFormatting sqref="B202">
    <cfRule type="containsBlanks" dxfId="7" priority="37">
      <formula>LEN(TRIM(B202))=0</formula>
    </cfRule>
  </conditionalFormatting>
  <conditionalFormatting sqref="B5">
    <cfRule type="containsBlanks" dxfId="6" priority="39">
      <formula>LEN(TRIM(B5))=0</formula>
    </cfRule>
  </conditionalFormatting>
  <conditionalFormatting sqref="B6">
    <cfRule type="containsBlanks" dxfId="5" priority="38">
      <formula>LEN(TRIM(B6))=0</formula>
    </cfRule>
  </conditionalFormatting>
  <conditionalFormatting sqref="B203">
    <cfRule type="containsBlanks" dxfId="4" priority="36">
      <formula>LEN(TRIM(B203))=0</formula>
    </cfRule>
  </conditionalFormatting>
  <conditionalFormatting sqref="C60:C67">
    <cfRule type="containsBlanks" dxfId="3" priority="14">
      <formula>LEN(TRIM(C60))=0</formula>
    </cfRule>
  </conditionalFormatting>
  <conditionalFormatting sqref="C122">
    <cfRule type="containsBlanks" dxfId="2" priority="13">
      <formula>LEN(TRIM(C122))=0</formula>
    </cfRule>
  </conditionalFormatting>
  <conditionalFormatting sqref="C131">
    <cfRule type="containsBlanks" dxfId="1" priority="12">
      <formula>LEN(TRIM(C131))=0</formula>
    </cfRule>
  </conditionalFormatting>
  <conditionalFormatting sqref="C138">
    <cfRule type="containsBlanks" dxfId="0" priority="11">
      <formula>LEN(TRIM(C138))=0</formula>
    </cfRule>
  </conditionalFormatting>
  <pageMargins left="0.70866141732283472" right="0.70866141732283472" top="0.98425196850393704" bottom="0.74803149606299213" header="0.31496062992125984" footer="0.31496062992125984"/>
  <pageSetup paperSize="9" scale="68" fitToHeight="0" orientation="portrait" r:id="rId1"/>
  <headerFooter>
    <oddHeader>&amp;C&amp;"Arial,Normálne"&amp;16CENOVÁ PONUKA&amp;14
pre účel
prípravnej trhovej konzultácia a predbežného zapojenia záujemcov alebo uchádzačov (ďalej aj "PTK")</oddHeader>
    <oddFooter>&amp;CStrana &amp;P z &amp;N</oddFooter>
  </headerFooter>
  <drawing r:id="rId2"/>
  <legacyDrawing r:id="rId3"/>
  <mc:AlternateContent xmlns:mc="http://schemas.openxmlformats.org/markup-compatibility/2006">
    <mc:Choice Requires="x14">
      <controls>
        <mc:AlternateContent xmlns:mc="http://schemas.openxmlformats.org/markup-compatibility/2006">
          <mc:Choice Requires="x14">
            <control shapeId="8195" r:id="rId4" name="Check Box 3">
              <controlPr defaultSize="0" autoFill="0" autoLine="0" autoPict="0">
                <anchor moveWithCells="1">
                  <from>
                    <xdr:col>0</xdr:col>
                    <xdr:colOff>628650</xdr:colOff>
                    <xdr:row>24</xdr:row>
                    <xdr:rowOff>0</xdr:rowOff>
                  </from>
                  <to>
                    <xdr:col>0</xdr:col>
                    <xdr:colOff>885825</xdr:colOff>
                    <xdr:row>24</xdr:row>
                    <xdr:rowOff>219075</xdr:rowOff>
                  </to>
                </anchor>
              </controlPr>
            </control>
          </mc:Choice>
        </mc:AlternateContent>
        <mc:AlternateContent xmlns:mc="http://schemas.openxmlformats.org/markup-compatibility/2006">
          <mc:Choice Requires="x14">
            <control shapeId="8196" r:id="rId5" name="Check Box 4">
              <controlPr defaultSize="0" autoFill="0" autoLine="0" autoPict="0">
                <anchor moveWithCells="1">
                  <from>
                    <xdr:col>0</xdr:col>
                    <xdr:colOff>628650</xdr:colOff>
                    <xdr:row>25</xdr:row>
                    <xdr:rowOff>9525</xdr:rowOff>
                  </from>
                  <to>
                    <xdr:col>0</xdr:col>
                    <xdr:colOff>885825</xdr:colOff>
                    <xdr:row>25</xdr:row>
                    <xdr:rowOff>228600</xdr:rowOff>
                  </to>
                </anchor>
              </controlPr>
            </control>
          </mc:Choice>
        </mc:AlternateContent>
        <mc:AlternateContent xmlns:mc="http://schemas.openxmlformats.org/markup-compatibility/2006">
          <mc:Choice Requires="x14">
            <control shapeId="8197" r:id="rId6" name="Check Box 5">
              <controlPr defaultSize="0" autoFill="0" autoLine="0" autoPict="0">
                <anchor moveWithCells="1">
                  <from>
                    <xdr:col>0</xdr:col>
                    <xdr:colOff>628650</xdr:colOff>
                    <xdr:row>43</xdr:row>
                    <xdr:rowOff>9525</xdr:rowOff>
                  </from>
                  <to>
                    <xdr:col>0</xdr:col>
                    <xdr:colOff>885825</xdr:colOff>
                    <xdr:row>43</xdr:row>
                    <xdr:rowOff>228600</xdr:rowOff>
                  </to>
                </anchor>
              </controlPr>
            </control>
          </mc:Choice>
        </mc:AlternateContent>
        <mc:AlternateContent xmlns:mc="http://schemas.openxmlformats.org/markup-compatibility/2006">
          <mc:Choice Requires="x14">
            <control shapeId="8198" r:id="rId7" name="Check Box 6">
              <controlPr defaultSize="0" autoFill="0" autoLine="0" autoPict="0">
                <anchor moveWithCells="1">
                  <from>
                    <xdr:col>0</xdr:col>
                    <xdr:colOff>628650</xdr:colOff>
                    <xdr:row>44</xdr:row>
                    <xdr:rowOff>0</xdr:rowOff>
                  </from>
                  <to>
                    <xdr:col>0</xdr:col>
                    <xdr:colOff>885825</xdr:colOff>
                    <xdr:row>44</xdr:row>
                    <xdr:rowOff>219075</xdr:rowOff>
                  </to>
                </anchor>
              </controlPr>
            </control>
          </mc:Choice>
        </mc:AlternateContent>
      </controls>
    </mc:Choice>
  </mc:AlternateContent>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Hárky</vt:lpstr>
      </vt:variant>
      <vt:variant>
        <vt:i4>1</vt:i4>
      </vt:variant>
      <vt:variant>
        <vt:lpstr>Pomenované rozsahy</vt:lpstr>
      </vt:variant>
      <vt:variant>
        <vt:i4>1</vt:i4>
      </vt:variant>
    </vt:vector>
  </HeadingPairs>
  <TitlesOfParts>
    <vt:vector size="2" baseType="lpstr">
      <vt:lpstr>Cenová ponuka</vt:lpstr>
      <vt:lpstr>'Cenová ponuka'!Oblasť_tlače</vt:lpstr>
    </vt:vector>
  </TitlesOfParts>
  <LinksUpToDate>false</LinksUpToDate>
  <SharedDoc>false</SharedDoc>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Ing. Zuzana Bučeková</dc:creator>
  <cp:lastModifiedBy>Dana Kapáková</cp:lastModifiedBy>
  <cp:lastPrinted>2021-05-17T07:20:32Z</cp:lastPrinted>
  <dcterms:created xsi:type="dcterms:W3CDTF">2017-04-21T05:51:15Z</dcterms:created>
  <dcterms:modified xsi:type="dcterms:W3CDTF">2021-05-17T07:22:04Z</dcterms:modified>
</cp:coreProperties>
</file>